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ink/ink5.xml" ContentType="application/inkml+xml"/>
  <Override PartName="/ppt/ink/ink6.xml" ContentType="application/inkml+xml"/>
  <Override PartName="/ppt/ink/ink7.xml" ContentType="application/inkml+xml"/>
  <Override PartName="/ppt/ink/ink8.xml" ContentType="application/inkml+xml"/>
  <Override PartName="/ppt/ink/ink9.xml" ContentType="application/inkml+xml"/>
  <Override PartName="/ppt/ink/ink10.xml" ContentType="application/inkml+xml"/>
  <Override PartName="/ppt/ink/ink11.xml" ContentType="application/inkml+xml"/>
  <Override PartName="/ppt/ink/ink12.xml" ContentType="application/inkml+xml"/>
  <Override PartName="/ppt/ink/ink13.xml" ContentType="application/inkml+xml"/>
  <Override PartName="/ppt/ink/ink14.xml" ContentType="application/inkml+xml"/>
  <Override PartName="/ppt/ink/ink15.xml" ContentType="application/inkml+xml"/>
  <Override PartName="/ppt/ink/ink16.xml" ContentType="application/inkml+xml"/>
  <Override PartName="/ppt/ink/ink17.xml" ContentType="application/inkml+xml"/>
  <Override PartName="/ppt/ink/ink18.xml" ContentType="application/inkml+xml"/>
  <Override PartName="/ppt/ink/ink19.xml" ContentType="application/inkml+xml"/>
  <Override PartName="/ppt/ink/ink20.xml" ContentType="application/inkml+xml"/>
  <Override PartName="/ppt/ink/ink21.xml" ContentType="application/inkml+xml"/>
  <Override PartName="/ppt/ink/ink22.xml" ContentType="application/inkml+xml"/>
  <Override PartName="/ppt/ink/ink23.xml" ContentType="application/inkml+xml"/>
  <Override PartName="/ppt/ink/ink24.xml" ContentType="application/inkml+xml"/>
  <Override PartName="/ppt/ink/ink25.xml" ContentType="application/inkml+xml"/>
  <Override PartName="/ppt/ink/ink26.xml" ContentType="application/inkml+xml"/>
  <Override PartName="/ppt/ink/ink27.xml" ContentType="application/inkml+xml"/>
  <Override PartName="/ppt/ink/ink28.xml" ContentType="application/inkml+xml"/>
  <Override PartName="/ppt/ink/ink29.xml" ContentType="application/inkml+xml"/>
  <Override PartName="/ppt/ink/ink30.xml" ContentType="application/inkml+xml"/>
  <Override PartName="/ppt/ink/ink31.xml" ContentType="application/inkml+xml"/>
  <Override PartName="/ppt/ink/ink32.xml" ContentType="application/inkml+xml"/>
  <Override PartName="/ppt/ink/ink33.xml" ContentType="application/inkml+xml"/>
  <Override PartName="/ppt/ink/ink34.xml" ContentType="application/inkml+xml"/>
  <Override PartName="/ppt/ink/ink35.xml" ContentType="application/inkml+xml"/>
  <Override PartName="/ppt/ink/ink36.xml" ContentType="application/inkml+xml"/>
  <Override PartName="/ppt/ink/ink37.xml" ContentType="application/inkml+xml"/>
  <Override PartName="/ppt/ink/ink38.xml" ContentType="application/inkml+xml"/>
  <Override PartName="/ppt/ink/ink39.xml" ContentType="application/inkml+xml"/>
  <Override PartName="/ppt/ink/ink40.xml" ContentType="application/inkml+xml"/>
  <Override PartName="/ppt/ink/ink41.xml" ContentType="application/inkml+xml"/>
  <Override PartName="/ppt/ink/ink42.xml" ContentType="application/inkml+xml"/>
  <Override PartName="/ppt/ink/ink43.xml" ContentType="application/inkml+xml"/>
  <Override PartName="/ppt/ink/ink44.xml" ContentType="application/inkml+xml"/>
  <Override PartName="/ppt/ink/ink45.xml" ContentType="application/inkml+xml"/>
  <Override PartName="/ppt/ink/ink46.xml" ContentType="application/inkml+xml"/>
  <Override PartName="/ppt/ink/ink47.xml" ContentType="application/inkml+xml"/>
  <Override PartName="/ppt/ink/ink48.xml" ContentType="application/inkml+xml"/>
  <Override PartName="/ppt/ink/ink49.xml" ContentType="application/inkml+xml"/>
  <Override PartName="/ppt/ink/ink50.xml" ContentType="application/inkml+xml"/>
  <Override PartName="/ppt/ink/ink51.xml" ContentType="application/inkml+xml"/>
  <Override PartName="/ppt/ink/ink52.xml" ContentType="application/inkml+xml"/>
  <Override PartName="/ppt/ink/ink53.xml" ContentType="application/inkml+xml"/>
  <Override PartName="/ppt/ink/ink54.xml" ContentType="application/inkml+xml"/>
  <Override PartName="/ppt/ink/ink55.xml" ContentType="application/inkml+xml"/>
  <Override PartName="/ppt/ink/ink56.xml" ContentType="application/inkml+xml"/>
  <Override PartName="/ppt/ink/ink57.xml" ContentType="application/inkml+xml"/>
  <Override PartName="/ppt/ink/ink58.xml" ContentType="application/inkml+xml"/>
  <Override PartName="/ppt/ink/ink59.xml" ContentType="application/inkml+xml"/>
  <Override PartName="/ppt/ink/ink60.xml" ContentType="application/inkml+xml"/>
  <Override PartName="/ppt/ink/ink61.xml" ContentType="application/inkml+xml"/>
  <Override PartName="/ppt/ink/ink62.xml" ContentType="application/inkml+xml"/>
  <Override PartName="/ppt/ink/ink63.xml" ContentType="application/inkml+xml"/>
  <Override PartName="/ppt/ink/ink64.xml" ContentType="application/inkml+xml"/>
  <Override PartName="/ppt/ink/ink65.xml" ContentType="application/inkml+xml"/>
  <Override PartName="/ppt/ink/ink66.xml" ContentType="application/inkml+xml"/>
  <Override PartName="/ppt/ink/ink67.xml" ContentType="application/inkml+xml"/>
  <Override PartName="/ppt/ink/ink68.xml" ContentType="application/inkml+xml"/>
  <Override PartName="/ppt/ink/ink69.xml" ContentType="application/inkml+xml"/>
  <Override PartName="/ppt/ink/ink70.xml" ContentType="application/inkml+xml"/>
  <Override PartName="/ppt/ink/ink71.xml" ContentType="application/inkml+xml"/>
  <Override PartName="/ppt/ink/ink72.xml" ContentType="application/inkml+xml"/>
  <Override PartName="/ppt/ink/ink73.xml" ContentType="application/inkml+xml"/>
  <Override PartName="/ppt/ink/ink74.xml" ContentType="application/inkml+xml"/>
  <Override PartName="/ppt/ink/ink75.xml" ContentType="application/inkml+xml"/>
  <Override PartName="/ppt/ink/ink76.xml" ContentType="application/inkml+xml"/>
  <Override PartName="/ppt/ink/ink77.xml" ContentType="application/inkml+xml"/>
  <Override PartName="/ppt/ink/ink78.xml" ContentType="application/inkml+xml"/>
  <Override PartName="/ppt/ink/ink79.xml" ContentType="application/inkml+xml"/>
  <Override PartName="/ppt/ink/ink80.xml" ContentType="application/inkml+xml"/>
  <Override PartName="/ppt/ink/ink81.xml" ContentType="application/inkml+xml"/>
  <Override PartName="/ppt/ink/ink82.xml" ContentType="application/inkml+xml"/>
  <Override PartName="/ppt/ink/ink83.xml" ContentType="application/inkml+xml"/>
  <Override PartName="/ppt/ink/ink84.xml" ContentType="application/inkml+xml"/>
  <Override PartName="/ppt/ink/ink85.xml" ContentType="application/inkml+xml"/>
  <Override PartName="/ppt/ink/ink86.xml" ContentType="application/inkml+xml"/>
  <Override PartName="/ppt/ink/ink87.xml" ContentType="application/inkml+xml"/>
  <Override PartName="/ppt/ink/ink88.xml" ContentType="application/inkml+xml"/>
  <Override PartName="/ppt/ink/ink89.xml" ContentType="application/inkml+xml"/>
  <Override PartName="/ppt/ink/ink90.xml" ContentType="application/inkml+xml"/>
  <Override PartName="/ppt/ink/ink91.xml" ContentType="application/inkml+xml"/>
  <Override PartName="/ppt/ink/ink92.xml" ContentType="application/inkml+xml"/>
  <Override PartName="/ppt/ink/ink93.xml" ContentType="application/inkml+xml"/>
  <Override PartName="/ppt/ink/ink94.xml" ContentType="application/inkml+xml"/>
  <Override PartName="/ppt/ink/ink95.xml" ContentType="application/inkml+xml"/>
  <Override PartName="/ppt/ink/ink96.xml" ContentType="application/inkml+xml"/>
  <Override PartName="/ppt/ink/ink97.xml" ContentType="application/inkml+xml"/>
  <Override PartName="/ppt/ink/ink98.xml" ContentType="application/inkml+xml"/>
  <Override PartName="/ppt/ink/ink99.xml" ContentType="application/inkml+xml"/>
  <Override PartName="/ppt/ink/ink100.xml" ContentType="application/inkml+xml"/>
  <Override PartName="/ppt/ink/ink101.xml" ContentType="application/inkml+xml"/>
  <Override PartName="/ppt/ink/ink102.xml" ContentType="application/inkml+xml"/>
  <Override PartName="/ppt/ink/ink103.xml" ContentType="application/inkml+xml"/>
  <Override PartName="/ppt/ink/ink104.xml" ContentType="application/inkml+xml"/>
  <Override PartName="/ppt/ink/ink105.xml" ContentType="application/inkml+xml"/>
  <Override PartName="/ppt/ink/ink106.xml" ContentType="application/inkml+xml"/>
  <Override PartName="/ppt/ink/ink107.xml" ContentType="application/inkml+xml"/>
  <Override PartName="/ppt/ink/ink108.xml" ContentType="application/inkml+xml"/>
  <Override PartName="/ppt/ink/ink109.xml" ContentType="application/inkml+xml"/>
  <Override PartName="/ppt/ink/ink110.xml" ContentType="application/inkml+xml"/>
  <Override PartName="/ppt/ink/ink111.xml" ContentType="application/inkml+xml"/>
  <Override PartName="/ppt/ink/ink112.xml" ContentType="application/inkml+xml"/>
  <Override PartName="/ppt/ink/ink113.xml" ContentType="application/inkml+xml"/>
  <Override PartName="/ppt/ink/ink114.xml" ContentType="application/inkml+xml"/>
  <Override PartName="/ppt/ink/ink115.xml" ContentType="application/inkml+xml"/>
  <Override PartName="/ppt/ink/ink116.xml" ContentType="application/inkml+xml"/>
  <Override PartName="/ppt/ink/ink117.xml" ContentType="application/inkml+xml"/>
  <Override PartName="/ppt/ink/ink118.xml" ContentType="application/inkml+xml"/>
  <Override PartName="/ppt/ink/ink119.xml" ContentType="application/inkml+xml"/>
  <Override PartName="/ppt/ink/ink120.xml" ContentType="application/inkml+xml"/>
  <Override PartName="/ppt/ink/ink121.xml" ContentType="application/inkml+xml"/>
  <Override PartName="/ppt/ink/ink122.xml" ContentType="application/inkml+xml"/>
  <Override PartName="/ppt/ink/ink123.xml" ContentType="application/inkml+xml"/>
  <Override PartName="/ppt/ink/ink124.xml" ContentType="application/inkml+xml"/>
  <Override PartName="/ppt/ink/ink125.xml" ContentType="application/inkml+xml"/>
  <Override PartName="/ppt/ink/ink126.xml" ContentType="application/inkml+xml"/>
  <Override PartName="/ppt/ink/ink127.xml" ContentType="application/inkml+xml"/>
  <Override PartName="/ppt/ink/ink128.xml" ContentType="application/inkml+xml"/>
  <Override PartName="/ppt/ink/ink129.xml" ContentType="application/inkml+xml"/>
  <Override PartName="/ppt/ink/ink130.xml" ContentType="application/inkml+xml"/>
  <Override PartName="/ppt/ink/ink131.xml" ContentType="application/inkml+xml"/>
  <Override PartName="/ppt/ink/ink132.xml" ContentType="application/inkml+xml"/>
  <Override PartName="/ppt/ink/ink133.xml" ContentType="application/inkml+xml"/>
  <Override PartName="/ppt/ink/ink134.xml" ContentType="application/inkml+xml"/>
  <Override PartName="/ppt/ink/ink135.xml" ContentType="application/inkml+xml"/>
  <Override PartName="/ppt/ink/ink136.xml" ContentType="application/inkml+xml"/>
  <Override PartName="/ppt/ink/ink137.xml" ContentType="application/inkml+xml"/>
  <Override PartName="/ppt/ink/ink138.xml" ContentType="application/inkml+xml"/>
  <Override PartName="/ppt/ink/ink139.xml" ContentType="application/inkml+xml"/>
  <Override PartName="/ppt/ink/ink140.xml" ContentType="application/inkml+xml"/>
  <Override PartName="/ppt/ink/ink141.xml" ContentType="application/inkml+xml"/>
  <Override PartName="/ppt/ink/ink142.xml" ContentType="application/inkml+xml"/>
  <Override PartName="/ppt/ink/ink143.xml" ContentType="application/inkml+xml"/>
  <Override PartName="/ppt/ink/ink144.xml" ContentType="application/inkml+xml"/>
  <Override PartName="/ppt/ink/ink145.xml" ContentType="application/inkml+xml"/>
  <Override PartName="/ppt/ink/ink146.xml" ContentType="application/inkml+xml"/>
  <Override PartName="/ppt/ink/ink147.xml" ContentType="application/inkml+xml"/>
  <Override PartName="/ppt/ink/ink148.xml" ContentType="application/inkml+xml"/>
  <Override PartName="/ppt/ink/ink149.xml" ContentType="application/inkml+xml"/>
  <Override PartName="/ppt/ink/ink150.xml" ContentType="application/inkml+xml"/>
  <Override PartName="/ppt/ink/ink151.xml" ContentType="application/inkml+xml"/>
  <Override PartName="/ppt/ink/ink152.xml" ContentType="application/inkml+xml"/>
  <Override PartName="/ppt/ink/ink153.xml" ContentType="application/inkml+xml"/>
  <Override PartName="/ppt/ink/ink154.xml" ContentType="application/inkml+xml"/>
  <Override PartName="/ppt/ink/ink155.xml" ContentType="application/inkml+xml"/>
  <Override PartName="/ppt/ink/ink156.xml" ContentType="application/inkml+xml"/>
  <Override PartName="/ppt/ink/ink157.xml" ContentType="application/inkml+xml"/>
  <Override PartName="/ppt/ink/ink158.xml" ContentType="application/inkml+xml"/>
  <Override PartName="/ppt/ink/ink159.xml" ContentType="application/inkml+xml"/>
  <Override PartName="/ppt/ink/ink160.xml" ContentType="application/inkml+xml"/>
  <Override PartName="/ppt/ink/ink161.xml" ContentType="application/inkml+xml"/>
  <Override PartName="/ppt/ink/ink162.xml" ContentType="application/inkml+xml"/>
  <Override PartName="/ppt/ink/ink163.xml" ContentType="application/inkml+xml"/>
  <Override PartName="/ppt/ink/ink164.xml" ContentType="application/inkml+xml"/>
  <Override PartName="/ppt/ink/ink165.xml" ContentType="application/inkml+xml"/>
  <Override PartName="/ppt/ink/ink166.xml" ContentType="application/inkml+xml"/>
  <Override PartName="/ppt/ink/ink167.xml" ContentType="application/inkml+xml"/>
  <Override PartName="/ppt/ink/ink168.xml" ContentType="application/inkml+xml"/>
  <Override PartName="/ppt/ink/ink169.xml" ContentType="application/inkml+xml"/>
  <Override PartName="/ppt/ink/ink170.xml" ContentType="application/inkml+xml"/>
  <Override PartName="/ppt/ink/ink171.xml" ContentType="application/inkml+xml"/>
  <Override PartName="/ppt/ink/ink172.xml" ContentType="application/inkml+xml"/>
  <Override PartName="/ppt/ink/ink173.xml" ContentType="application/inkml+xml"/>
  <Override PartName="/ppt/ink/ink174.xml" ContentType="application/inkml+xml"/>
  <Override PartName="/ppt/ink/ink175.xml" ContentType="application/inkml+xml"/>
  <Override PartName="/ppt/ink/ink176.xml" ContentType="application/inkml+xml"/>
  <Override PartName="/ppt/ink/ink177.xml" ContentType="application/inkml+xml"/>
  <Override PartName="/ppt/ink/ink178.xml" ContentType="application/inkml+xml"/>
  <Override PartName="/ppt/ink/ink179.xml" ContentType="application/inkml+xml"/>
  <Override PartName="/ppt/ink/ink180.xml" ContentType="application/inkml+xml"/>
  <Override PartName="/ppt/ink/ink181.xml" ContentType="application/inkml+xml"/>
  <Override PartName="/ppt/ink/ink182.xml" ContentType="application/inkml+xml"/>
  <Override PartName="/ppt/ink/ink183.xml" ContentType="application/inkml+xml"/>
  <Override PartName="/ppt/ink/ink184.xml" ContentType="application/inkml+xml"/>
  <Override PartName="/ppt/ink/ink185.xml" ContentType="application/inkml+xml"/>
  <Override PartName="/ppt/ink/ink186.xml" ContentType="application/inkml+xml"/>
  <Override PartName="/ppt/ink/ink187.xml" ContentType="application/inkml+xml"/>
  <Override PartName="/ppt/ink/ink188.xml" ContentType="application/inkml+xml"/>
  <Override PartName="/ppt/ink/ink189.xml" ContentType="application/inkml+xml"/>
  <Override PartName="/ppt/ink/ink190.xml" ContentType="application/inkml+xml"/>
  <Override PartName="/ppt/ink/ink191.xml" ContentType="application/inkml+xml"/>
  <Override PartName="/ppt/ink/ink192.xml" ContentType="application/inkml+xml"/>
  <Override PartName="/ppt/ink/ink193.xml" ContentType="application/inkml+xml"/>
  <Override PartName="/ppt/ink/ink194.xml" ContentType="application/inkml+xml"/>
  <Override PartName="/ppt/ink/ink195.xml" ContentType="application/inkml+xml"/>
  <Override PartName="/ppt/ink/ink196.xml" ContentType="application/inkml+xml"/>
  <Override PartName="/ppt/ink/ink197.xml" ContentType="application/inkml+xml"/>
  <Override PartName="/ppt/ink/ink198.xml" ContentType="application/inkml+xml"/>
  <Override PartName="/ppt/ink/ink199.xml" ContentType="application/inkml+xml"/>
  <Override PartName="/ppt/ink/ink200.xml" ContentType="application/inkml+xml"/>
  <Override PartName="/ppt/ink/ink201.xml" ContentType="application/inkml+xml"/>
  <Override PartName="/ppt/ink/ink202.xml" ContentType="application/inkml+xml"/>
  <Override PartName="/ppt/ink/ink203.xml" ContentType="application/inkml+xml"/>
  <Override PartName="/ppt/ink/ink204.xml" ContentType="application/inkml+xml"/>
  <Override PartName="/ppt/ink/ink205.xml" ContentType="application/inkml+xml"/>
  <Override PartName="/ppt/ink/ink206.xml" ContentType="application/inkml+xml"/>
  <Override PartName="/ppt/ink/ink207.xml" ContentType="application/inkml+xml"/>
  <Override PartName="/ppt/ink/ink208.xml" ContentType="application/inkml+xml"/>
  <Override PartName="/ppt/ink/ink209.xml" ContentType="application/inkml+xml"/>
  <Override PartName="/ppt/ink/ink210.xml" ContentType="application/inkml+xml"/>
  <Override PartName="/ppt/ink/ink211.xml" ContentType="application/inkml+xml"/>
  <Override PartName="/ppt/ink/ink212.xml" ContentType="application/inkml+xml"/>
  <Override PartName="/ppt/ink/ink213.xml" ContentType="application/inkml+xml"/>
  <Override PartName="/ppt/ink/ink214.xml" ContentType="application/inkml+xml"/>
  <Override PartName="/ppt/ink/ink215.xml" ContentType="application/inkml+xml"/>
  <Override PartName="/ppt/ink/ink216.xml" ContentType="application/inkml+xml"/>
  <Override PartName="/ppt/ink/ink217.xml" ContentType="application/inkml+xml"/>
  <Override PartName="/ppt/ink/ink218.xml" ContentType="application/inkml+xml"/>
  <Override PartName="/ppt/ink/ink219.xml" ContentType="application/inkml+xml"/>
  <Override PartName="/ppt/ink/ink220.xml" ContentType="application/inkml+xml"/>
  <Override PartName="/ppt/ink/ink221.xml" ContentType="application/inkml+xml"/>
  <Override PartName="/ppt/ink/ink222.xml" ContentType="application/inkml+xml"/>
  <Override PartName="/ppt/ink/ink223.xml" ContentType="application/inkml+xml"/>
  <Override PartName="/ppt/ink/ink224.xml" ContentType="application/inkml+xml"/>
  <Override PartName="/ppt/ink/ink225.xml" ContentType="application/inkml+xml"/>
  <Override PartName="/ppt/ink/ink226.xml" ContentType="application/inkml+xml"/>
  <Override PartName="/ppt/ink/ink227.xml" ContentType="application/inkml+xml"/>
  <Override PartName="/ppt/ink/ink228.xml" ContentType="application/inkml+xml"/>
  <Override PartName="/ppt/ink/ink229.xml" ContentType="application/inkml+xml"/>
  <Override PartName="/ppt/ink/ink230.xml" ContentType="application/inkml+xml"/>
  <Override PartName="/ppt/ink/ink231.xml" ContentType="application/inkml+xml"/>
  <Override PartName="/ppt/ink/ink232.xml" ContentType="application/inkml+xml"/>
  <Override PartName="/ppt/ink/ink233.xml" ContentType="application/inkml+xml"/>
  <Override PartName="/ppt/ink/ink234.xml" ContentType="application/inkml+xml"/>
  <Override PartName="/ppt/ink/ink235.xml" ContentType="application/inkml+xml"/>
  <Override PartName="/ppt/ink/ink236.xml" ContentType="application/inkml+xml"/>
  <Override PartName="/ppt/ink/ink237.xml" ContentType="application/inkml+xml"/>
  <Override PartName="/ppt/ink/ink238.xml" ContentType="application/inkml+xml"/>
  <Override PartName="/ppt/ink/ink239.xml" ContentType="application/inkml+xml"/>
  <Override PartName="/ppt/ink/ink240.xml" ContentType="application/inkml+xml"/>
  <Override PartName="/ppt/ink/ink241.xml" ContentType="application/inkml+xml"/>
  <Override PartName="/ppt/ink/ink242.xml" ContentType="application/inkml+xml"/>
  <Override PartName="/ppt/ink/ink243.xml" ContentType="application/inkml+xml"/>
  <Override PartName="/ppt/ink/ink244.xml" ContentType="application/inkml+xml"/>
  <Override PartName="/ppt/ink/ink245.xml" ContentType="application/inkml+xml"/>
  <Override PartName="/ppt/ink/ink246.xml" ContentType="application/inkml+xml"/>
  <Override PartName="/ppt/ink/ink247.xml" ContentType="application/inkml+xml"/>
  <Override PartName="/ppt/ink/ink248.xml" ContentType="application/inkml+xml"/>
  <Override PartName="/ppt/ink/ink249.xml" ContentType="application/inkml+xml"/>
  <Override PartName="/ppt/ink/ink250.xml" ContentType="application/inkml+xml"/>
  <Override PartName="/ppt/ink/ink251.xml" ContentType="application/inkml+xml"/>
  <Override PartName="/ppt/ink/ink252.xml" ContentType="application/inkml+xml"/>
  <Override PartName="/ppt/ink/ink253.xml" ContentType="application/inkml+xml"/>
  <Override PartName="/ppt/ink/ink254.xml" ContentType="application/inkml+xml"/>
  <Override PartName="/ppt/ink/ink255.xml" ContentType="application/inkml+xml"/>
  <Override PartName="/ppt/ink/ink256.xml" ContentType="application/inkml+xml"/>
  <Override PartName="/ppt/ink/ink257.xml" ContentType="application/inkml+xml"/>
  <Override PartName="/ppt/ink/ink258.xml" ContentType="application/inkml+xml"/>
  <Override PartName="/ppt/ink/ink259.xml" ContentType="application/inkml+xml"/>
  <Override PartName="/ppt/ink/ink260.xml" ContentType="application/inkml+xml"/>
  <Override PartName="/ppt/ink/ink261.xml" ContentType="application/inkml+xml"/>
  <Override PartName="/ppt/ink/ink262.xml" ContentType="application/inkml+xml"/>
  <Override PartName="/ppt/ink/ink263.xml" ContentType="application/inkml+xml"/>
  <Override PartName="/ppt/ink/ink264.xml" ContentType="application/inkml+xml"/>
  <Override PartName="/ppt/ink/ink265.xml" ContentType="application/inkml+xml"/>
  <Override PartName="/ppt/ink/ink266.xml" ContentType="application/inkml+xml"/>
  <Override PartName="/ppt/ink/ink267.xml" ContentType="application/inkml+xml"/>
  <Override PartName="/ppt/ink/ink268.xml" ContentType="application/inkml+xml"/>
  <Override PartName="/ppt/ink/ink269.xml" ContentType="application/inkml+xml"/>
  <Override PartName="/ppt/ink/ink270.xml" ContentType="application/inkml+xml"/>
  <Override PartName="/ppt/ink/ink271.xml" ContentType="application/inkml+xml"/>
  <Override PartName="/ppt/ink/ink272.xml" ContentType="application/inkml+xml"/>
  <Override PartName="/ppt/ink/ink273.xml" ContentType="application/inkml+xml"/>
  <Override PartName="/ppt/ink/ink274.xml" ContentType="application/inkml+xml"/>
  <Override PartName="/ppt/ink/ink275.xml" ContentType="application/inkml+xml"/>
  <Override PartName="/ppt/ink/ink276.xml" ContentType="application/inkml+xml"/>
  <Override PartName="/ppt/ink/ink277.xml" ContentType="application/inkml+xml"/>
  <Override PartName="/ppt/ink/ink278.xml" ContentType="application/inkml+xml"/>
  <Override PartName="/ppt/ink/ink279.xml" ContentType="application/inkml+xml"/>
  <Override PartName="/ppt/ink/ink280.xml" ContentType="application/inkml+xml"/>
  <Override PartName="/ppt/ink/ink281.xml" ContentType="application/inkml+xml"/>
  <Override PartName="/ppt/ink/ink282.xml" ContentType="application/inkml+xml"/>
  <Override PartName="/ppt/ink/ink283.xml" ContentType="application/inkml+xml"/>
  <Override PartName="/ppt/ink/ink284.xml" ContentType="application/inkml+xml"/>
  <Override PartName="/ppt/ink/ink285.xml" ContentType="application/inkml+xml"/>
  <Override PartName="/ppt/ink/ink286.xml" ContentType="application/inkml+xml"/>
  <Override PartName="/ppt/ink/ink287.xml" ContentType="application/inkml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>
  <p:sldMasterIdLst>
    <p:sldMasterId id="2147483660" r:id="rId7"/>
  </p:sldMasterIdLst>
  <p:notesMasterIdLst>
    <p:notesMasterId r:id="rId48"/>
  </p:notesMasterIdLst>
  <p:sldIdLst>
    <p:sldId id="268" r:id="rId8"/>
    <p:sldId id="259" r:id="rId9"/>
    <p:sldId id="270" r:id="rId10"/>
    <p:sldId id="272" r:id="rId11"/>
    <p:sldId id="273" r:id="rId12"/>
    <p:sldId id="274" r:id="rId13"/>
    <p:sldId id="275" r:id="rId14"/>
    <p:sldId id="271" r:id="rId15"/>
    <p:sldId id="276" r:id="rId16"/>
    <p:sldId id="277" r:id="rId17"/>
    <p:sldId id="278" r:id="rId18"/>
    <p:sldId id="279" r:id="rId19"/>
    <p:sldId id="282" r:id="rId20"/>
    <p:sldId id="280" r:id="rId21"/>
    <p:sldId id="283" r:id="rId22"/>
    <p:sldId id="284" r:id="rId23"/>
    <p:sldId id="286" r:id="rId24"/>
    <p:sldId id="288" r:id="rId25"/>
    <p:sldId id="281" r:id="rId26"/>
    <p:sldId id="289" r:id="rId27"/>
    <p:sldId id="287" r:id="rId28"/>
    <p:sldId id="290" r:id="rId29"/>
    <p:sldId id="291" r:id="rId30"/>
    <p:sldId id="292" r:id="rId31"/>
    <p:sldId id="293" r:id="rId32"/>
    <p:sldId id="301" r:id="rId33"/>
    <p:sldId id="294" r:id="rId34"/>
    <p:sldId id="295" r:id="rId35"/>
    <p:sldId id="296" r:id="rId36"/>
    <p:sldId id="297" r:id="rId37"/>
    <p:sldId id="298" r:id="rId38"/>
    <p:sldId id="299" r:id="rId39"/>
    <p:sldId id="300" r:id="rId40"/>
    <p:sldId id="303" r:id="rId41"/>
    <p:sldId id="305" r:id="rId42"/>
    <p:sldId id="304" r:id="rId43"/>
    <p:sldId id="302" r:id="rId44"/>
    <p:sldId id="306" r:id="rId45"/>
    <p:sldId id="307" r:id="rId46"/>
    <p:sldId id="308" r:id="rId47"/>
  </p:sldIdLst>
  <p:sldSz cx="9144000" cy="5143500" type="screen16x9"/>
  <p:notesSz cx="6858000" cy="9144000"/>
  <p:defaultTextStyle>
    <a:defPPr>
      <a:defRPr lang="nl-NL"/>
    </a:defPPr>
    <a:lvl1pPr marL="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135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0000"/>
    <a:srgbClr val="EEE8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A9E4918-6555-C1C0-FA49-FA6D9134194E}" v="4008" dt="2023-11-29T12:20:32.852"/>
    <p1510:client id="{9900D5ED-64A9-094F-94F5-E445958A37BE}" v="1167" dt="2023-11-29T10:56:12.784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ijl, gemiddeld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/>
    </p:cSldViewPr>
  </p:slide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6.xml"/><Relationship Id="rId18" Type="http://schemas.openxmlformats.org/officeDocument/2006/relationships/slide" Target="slides/slide11.xml"/><Relationship Id="rId26" Type="http://schemas.openxmlformats.org/officeDocument/2006/relationships/slide" Target="slides/slide19.xml"/><Relationship Id="rId39" Type="http://schemas.openxmlformats.org/officeDocument/2006/relationships/slide" Target="slides/slide32.xml"/><Relationship Id="rId21" Type="http://schemas.openxmlformats.org/officeDocument/2006/relationships/slide" Target="slides/slide14.xml"/><Relationship Id="rId34" Type="http://schemas.openxmlformats.org/officeDocument/2006/relationships/slide" Target="slides/slide27.xml"/><Relationship Id="rId42" Type="http://schemas.openxmlformats.org/officeDocument/2006/relationships/slide" Target="slides/slide35.xml"/><Relationship Id="rId47" Type="http://schemas.openxmlformats.org/officeDocument/2006/relationships/slide" Target="slides/slide40.xml"/><Relationship Id="rId50" Type="http://schemas.openxmlformats.org/officeDocument/2006/relationships/viewProps" Target="viewProps.xml"/><Relationship Id="rId7" Type="http://schemas.openxmlformats.org/officeDocument/2006/relationships/slideMaster" Target="slideMasters/slide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9.xml"/><Relationship Id="rId29" Type="http://schemas.openxmlformats.org/officeDocument/2006/relationships/slide" Target="slides/slide22.xml"/><Relationship Id="rId11" Type="http://schemas.openxmlformats.org/officeDocument/2006/relationships/slide" Target="slides/slide4.xml"/><Relationship Id="rId24" Type="http://schemas.openxmlformats.org/officeDocument/2006/relationships/slide" Target="slides/slide17.xml"/><Relationship Id="rId32" Type="http://schemas.openxmlformats.org/officeDocument/2006/relationships/slide" Target="slides/slide25.xml"/><Relationship Id="rId37" Type="http://schemas.openxmlformats.org/officeDocument/2006/relationships/slide" Target="slides/slide30.xml"/><Relationship Id="rId40" Type="http://schemas.openxmlformats.org/officeDocument/2006/relationships/slide" Target="slides/slide33.xml"/><Relationship Id="rId45" Type="http://schemas.openxmlformats.org/officeDocument/2006/relationships/slide" Target="slides/slide38.xml"/><Relationship Id="rId53" Type="http://schemas.microsoft.com/office/2015/10/relationships/revisionInfo" Target="revisionInfo.xml"/><Relationship Id="rId5" Type="http://schemas.openxmlformats.org/officeDocument/2006/relationships/customXml" Target="../customXml/item5.xml"/><Relationship Id="rId10" Type="http://schemas.openxmlformats.org/officeDocument/2006/relationships/slide" Target="slides/slide3.xml"/><Relationship Id="rId19" Type="http://schemas.openxmlformats.org/officeDocument/2006/relationships/slide" Target="slides/slide12.xml"/><Relationship Id="rId31" Type="http://schemas.openxmlformats.org/officeDocument/2006/relationships/slide" Target="slides/slide24.xml"/><Relationship Id="rId44" Type="http://schemas.openxmlformats.org/officeDocument/2006/relationships/slide" Target="slides/slide37.xml"/><Relationship Id="rId52" Type="http://schemas.openxmlformats.org/officeDocument/2006/relationships/tableStyles" Target="tableStyles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slide" Target="slides/slide7.xml"/><Relationship Id="rId22" Type="http://schemas.openxmlformats.org/officeDocument/2006/relationships/slide" Target="slides/slide15.xml"/><Relationship Id="rId27" Type="http://schemas.openxmlformats.org/officeDocument/2006/relationships/slide" Target="slides/slide20.xml"/><Relationship Id="rId30" Type="http://schemas.openxmlformats.org/officeDocument/2006/relationships/slide" Target="slides/slide23.xml"/><Relationship Id="rId35" Type="http://schemas.openxmlformats.org/officeDocument/2006/relationships/slide" Target="slides/slide28.xml"/><Relationship Id="rId43" Type="http://schemas.openxmlformats.org/officeDocument/2006/relationships/slide" Target="slides/slide36.xml"/><Relationship Id="rId48" Type="http://schemas.openxmlformats.org/officeDocument/2006/relationships/notesMaster" Target="notesMasters/notesMaster1.xml"/><Relationship Id="rId8" Type="http://schemas.openxmlformats.org/officeDocument/2006/relationships/slide" Target="slides/slide1.xml"/><Relationship Id="rId51" Type="http://schemas.openxmlformats.org/officeDocument/2006/relationships/theme" Target="theme/theme1.xml"/><Relationship Id="rId3" Type="http://schemas.openxmlformats.org/officeDocument/2006/relationships/customXml" Target="../customXml/item3.xml"/><Relationship Id="rId12" Type="http://schemas.openxmlformats.org/officeDocument/2006/relationships/slide" Target="slides/slide5.xml"/><Relationship Id="rId17" Type="http://schemas.openxmlformats.org/officeDocument/2006/relationships/slide" Target="slides/slide10.xml"/><Relationship Id="rId25" Type="http://schemas.openxmlformats.org/officeDocument/2006/relationships/slide" Target="slides/slide18.xml"/><Relationship Id="rId33" Type="http://schemas.openxmlformats.org/officeDocument/2006/relationships/slide" Target="slides/slide26.xml"/><Relationship Id="rId38" Type="http://schemas.openxmlformats.org/officeDocument/2006/relationships/slide" Target="slides/slide31.xml"/><Relationship Id="rId46" Type="http://schemas.openxmlformats.org/officeDocument/2006/relationships/slide" Target="slides/slide39.xml"/><Relationship Id="rId20" Type="http://schemas.openxmlformats.org/officeDocument/2006/relationships/slide" Target="slides/slide13.xml"/><Relationship Id="rId41" Type="http://schemas.openxmlformats.org/officeDocument/2006/relationships/slide" Target="slides/slide3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" Target="slides/slide8.xml"/><Relationship Id="rId23" Type="http://schemas.openxmlformats.org/officeDocument/2006/relationships/slide" Target="slides/slide16.xml"/><Relationship Id="rId28" Type="http://schemas.openxmlformats.org/officeDocument/2006/relationships/slide" Target="slides/slide21.xml"/><Relationship Id="rId36" Type="http://schemas.openxmlformats.org/officeDocument/2006/relationships/slide" Target="slides/slide29.xml"/><Relationship Id="rId49" Type="http://schemas.openxmlformats.org/officeDocument/2006/relationships/presProps" Target="presProps.xml"/></Relationships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6:56.93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45 9 7634,'0'-5'1644,"0"1"-1498,0 4 37,0 0-194,-4 0 0,2 0 17,-4 0 1,3 0 28,-3 0 0,0 0 14,-2 0 0,-1 0 1,0 0 0,1 0-36,-1 0 1,0 1-1,0 1 0,1 1 1,2 0-1,0-3 3,-1 0 0,2 3 1,-1 0-14,0-1 1,1 2-1,-1-1 3,-1 2 0,2-2 1,-1 2-1,1 0-78,0 0 1,-3 0 0,3 1-1,-1-1 14,1-1 1,0 3-1,-2-1 39,1 2 0,1 0 0,-1 1 0,2 0-15,1 0 0,2-1 0,-3 1 63,0 0 1,3-3 0,-2-1 12,2 2 1,1 1 0,0 1-24,0-1 0,3 1 0,1-1-6,1-2 0,-2 1 1,1-4-1,1 1 1,0 0 0,1 3 0,3-2-14,-1 0 1,4-1 0,0-4-1,-1 0-12,2 0 0,0-1 0,3-1 0,0-2-55,-1-1 0,4 3 0,-5-2 1,2 1-352,-2 0 0,2 0 0,-5 3 1,0 0 416,-1 0 0,3 0 0,0 0 0</inkml:trace>
  <inkml:trace contextRef="#ctx0" brushRef="#br0" timeOffset="1455">603 79 9299,'-5'0'-8,"1"0"-52,4 0-66,0 0 152,4 0 1,-2 0-8,4 0 1,0 0-1,2 0 1,1 0-30,0 0 0,0 3 0,-1 0-11,1-1 1,0-1 0,0-1 0,-1 0-16,1 0 1,1 0 0,0 0 0,2 0-27,-1 0 0,-2 0 0,0 0 0,0 0-170,0 0 0,-1 0 1,1 0-278,0 0 1,-3 0-501,0 0 1009,-5 0 0,3 3 0,-4 2 0</inkml:trace>
</inkml:ink>
</file>

<file path=ppt/ink/ink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47.31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 9 7558,'0'-4'398,"0"0"1,0 5 0,0 2 0,0 2-242,0 3 1,0 1 0,0 0-1,0-1-83,0 1 1,-1 1 0,-1 0 0,-1 2-90,1-1 1,1-1 0,2-2-118,2 1 1,-1-4 0,4-1-4,0 0 1,2-3-1,1 1 82,0-1 0,-1-3 0,0-2 178,-2-1 313,2 3-333,-3-2 0,0 4 0,0 1 30,-1 2 0,-1-1-94,-3 4-101,4-1 0,1 0 80,3-2 0,-2-3 0,-1-3 0,0-2-15,0 1 0,-2-4 0,2 2 0,-1-2-91,1 0 1,-3-1 0,2 0 0,-1 0-364,0 1 1,1-1 0,-2 0-457,1 0 0,0 4 905,-3-1 0,0 4 0,0-2 0</inkml:trace>
  <inkml:trace contextRef="#ctx0" brushRef="#br0" timeOffset="443">289 158 8051,'-1'5'758,"-1"-1"1,-1 0-532,1 1 0,1 0 1,-1 1-1,-1 1-323,1 1 1,1 0 0,1 1-1,0 0-645,0 0 1,0-4-1,0 1 741,0 1 0,0 5 0,0 1 0</inkml:trace>
</inkml:ink>
</file>

<file path=ppt/ink/ink10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1:49.7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 33 7755,'0'-4'-32,"0"-1"0,0 3 353,0-2 1,0 2-46,0-3 1,0 3 215,0-2 33,0 3-531,0-2 1,0 3 0,1 3 75,1 1 1,-1 2-1,1 0 1,1 1-101,2 2 0,-2-2 0,1 4 0,1 0 11,1-1 0,-2 1 0,1-1 0,0-1-100,0 0 1,2 0 0,-1-3 0,0 0-165,-2 1 1,2-1 0,-2 1-1,2-1-177,0 0 0,-1 3 460,-1 0 0,0-1 0,3-1 0</inkml:trace>
  <inkml:trace contextRef="#ctx0" brushRef="#br0" timeOffset="429">0 187 7210,'3'-7'369,"1"2"1,2-1-1,1 0-257,-1-1 0,3-1 0,3-1 0,1-2-77,2-1 0,2-1 0,-1 1 0,0-1-493,2 0 458,-2 0 0,2 0 0,-1 0 0</inkml:trace>
</inkml:ink>
</file>

<file path=ppt/ink/ink10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2:18.13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13 7776,'0'-4'115,"0"2"190,0-1-159,0 2-70,0-2 21,0 3-49,0 3 1,0-2 0,1 4-12,1 0 1,-1 0-1,1 3 1,-1-1-34,-1 2 0,0 2 1,0-1-1,0 1-18,0 0 0,0-3 0,0 2 0,0 0-10,0-3 0,0 0 0,0 0 1,0-1-91,0 1 0,0-3 0,0 0-87,0 1 102,0-2 90,3 0 1,-2-3 0,3-1 0,-2-1-15,0-2 1,1-2-1,-1 0 1,0-1 28,1 1 1,-2-1 0,3 0 0,-1 0 21,1-2 0,0-2 0,3 3 0,-1-1-6,0 0 1,1 2 0,0-2-1,1 2-81,0 1 1,2-1 0,-2 1-1,3 0-224,1 2 0,0-1 0,0 3 283,-2 0 0,1 2 0,2 0 0</inkml:trace>
  <inkml:trace contextRef="#ctx0" brushRef="#br0" timeOffset="1065">257 205 7626,'0'4'92,"0"0"20,0-2 0,-1 1 0,0 2-56,-1-1 1,-1-1 0,1 2 0,0 0 70,1 0 1,0 0-1,1 2 1,0-1-37,0 1 0,0-3 0,0 0 0,0 1-6,0 1 1,1-2 0,1 0-239,2 1 0,0-2 0,0-1-140,1-1 1,1-1 0,0-1-297,1-1 0,-2-1 589,0-4 0,0 1 0,-1-1 0</inkml:trace>
  <inkml:trace contextRef="#ctx0" brushRef="#br0" timeOffset="1315">276 84 7871,'-3'2'1004,"0"-1"-234,6 1-770,-3-1 0,9-1 0,-2 0 0</inkml:trace>
</inkml:ink>
</file>

<file path=ppt/ink/ink10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2:21.46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2 78 6544,'-4'0'956,"1"0"-336,0 0-54,3 0-278,-3 0 0,3 1-41,0 1-222,0-2 0,1 3 0,1-3-39,2 0 1,0 0-1,0 0 1,1 0 34,1 0 0,0 0 0,0 0 0,1 0-6,-1 0 1,3 0 0,0 0 0,0 0-99,1 0 1,0 0 0,0 0 0,-1 0-98,0 0 1,2 0 0,-2 0-1,0 0-170,1 0 0,-2 0 1,-1 0-1,1 0 350,1 0 0,-1 3 0,-1 1 0</inkml:trace>
  <inkml:trace contextRef="#ctx0" brushRef="#br0" timeOffset="847">102 7 9446,'0'-3'711,"0"0"0,-1 3-696,-1 0 0,1 1 1,-2 0-1,0 1-77,-1 0 0,1 1 0,-2 2 1,0-1 15,0 1 0,-1 0 1,1 0-1,1 2-144,-1-1 1,-1 4-1,0-3 1,-1 0 117,1 0 1,1-1-1,1 1 58,-1-1 1,2 1 0,1-2 4,-1 0 0,2-2 0,0-1 78,2 0 1,0 1 0,4-2-1,2 1 23,1 0 0,1-2 0,-1 0 0,1 0-63,1 0 0,1 0 0,1 0 0,1 0-249,-3 0 0,2 0 1,-1 0-1,1 0 220,-2 0 0,2 3 0,-2 1 0</inkml:trace>
  <inkml:trace contextRef="#ctx0" brushRef="#br0" timeOffset="2017">378 142 7749,'3'-3'1208,"0"0"-1126,-3 3 0,0 0 1,0 3-1,0 1 11,0 1 0,-2 3 0,0 0 0,0 3-167,2 1 0,-3 1 1,1 0-1,1 2 11,0 0 1,-1-1-1,0-3 1,0-1-35,2-1 1,0 0 0,0-3-137,0 1 1,0-1-87,0 1 200,0-4 0,0-1 0,0-4 74,0-2 0,0-4 0,0 0 0,0-1 65,0 0 1,-2-1 0,-1-2 0,2 1-17,0 0 0,1-3 1,0 3-1,0-1 5,0-1 0,0 3 0,0 1 0,1 1 40,1-1 0,1 0 1,2 3-1,-1 0 108,1 2 1,1-1 0,0 3 0,1 0-52,-1-1 0,3 2 1,-1-1-1,0 1-74,-1 1 1,0 0 0,0 0-35,1 0 1,-1 1 0,2 1 5,-2 3 0,-3-2 0,0 1 80,-1 1 1,-1 1-1,-3 1 1,0 1-67,-1 1 0,-3 1 1,0 0-1,0-1-13,-2 0 0,0 0 0,-1-1 1,0 1 4,0-1 0,3 1 0,1-1 0,-1 0 29,2-1 0,0 0 1,2-1-1,0 1 32,-1-1 0,0 0 1,2 1-1,2-1-34,0 1 0,3-2 0,-1 0 0,2 0-92,0 0 1,1-3 0,0 1-1,1-1-342,3 1 1,0-1-1,2-2 397,-1 0 0,0 0 0,3 0 0</inkml:trace>
</inkml:ink>
</file>

<file path=ppt/ink/ink10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2:25.41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65 128 7776,'0'-6'343,"0"0"-266,0-1 0,0 3 577,0 0-514,0 2 0,0 0-14,0 4 0,0 4 0,0 4 1,0 2-115,0 4 1,0 4-1,-1 5 1,0 0 4,-1 1 1,-3 4 0,3-3 0,-1 1-81,0-3 1,-1-2 0,1-4 0,2 0-46,0-2 1,1-3 0,0-5-1,0 1-260,0-2 1,1-2-60,1-2 0,1-2 311,1-4 1,-1-3-1,-3-5 1,0 1 123,0 0 0,0-4 0,0 1 0,-1-1 37,-1-1 0,1-3 0,-3 2 0,-1-2 34,2-1 1,-3 0 0,2-2 0,-2-1-22,0 0 0,1 0 1,2 1-1,0 1 51,1 0 1,2 2 0,0 2-1,0 2-1,0 0 0,0 1 1,0 1-1,2 2 35,0 0 1,3 2 0,-1-2-1,2 2-33,0 1 0,1-1 1,0 1-1,1-1-77,0 1 1,3 2-1,-2 0 1,1 1 1,-1 2 1,2 0-1,-2 1 1,1 1-22,1 1 0,1 2 0,-1 5 0,-1 1-27,-1 0 0,0 2 1,-3-1-1,1 1-5,-1 0 1,0 1-1,-2 0 1,-2 0 4,-1 0 0,-1-1 0,0 0 0,-1-1-16,-1 1 0,-1 1 1,-3-2-1,1 1-38,-2 1 1,-3 0 0,0-1 0,0-1-20,-1 0 0,0-2 0,-1 1 1,2-1 37,1-1 1,-2-1 0,3-1-1,0 1 66,1-1 1,1-2 0,1 1-1,1 0 105,2 0 0,0 2 1,2-1-1,0 1 88,0 2 0,2-2 0,3 2 0,1 0 6,3 2 1,-2 1-1,4-1 1,1 0-100,0 0 0,1-1 1,1 0-1,1 0-261,0 0 1,1-2-1,1 0 1,2-3-603,0 0 0,1-2 745,1 1 0,2 2 0,3-2 0</inkml:trace>
</inkml:ink>
</file>

<file path=ppt/ink/ink10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2:51.45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90 42 8318,'-4'-5'1034,"2"1"-852,-3 4 0,2 0-241,-3 0 1,4 0-1,-4 0 98,0 0 1,1 3 0,0 1-30,-2 0 1,0-1-1,-1 2 34,0-2 0,-1 4 0,1-2-100,0 3 0,0 0 0,-1 0 0,1 0 46,0 1 0,0-1 0,-1 0 1,2 0 3,2 1 0,-2-1 1,3 0-1,1 0 3,-1 0 1,1 1 0,2-1-1,0 0 5,-2 0 0,0 1 0,3-1 19,0 0 1,1-1 0,2 0 0,2-2 50,3 2 0,0-4 0,0 1 0,0-1-51,1 0 1,3-1 0,0-2 0,2 0-50,0 0 1,-1 0 0,1 0 0,0 0-360,1 0 0,-1 0 1,1-1-1,-2 0 387,-1-2 0,2 0 0,-1 3 0</inkml:trace>
  <inkml:trace contextRef="#ctx0" brushRef="#br0" timeOffset="715">404 83 7959,'-4'-5'-547,"2"2"937,-3 3 0,-1 0-134,-2 0 1,0 0-64,0 0 1,0 1 0,2 1-208,0 4 1,2 1-1,-3 1 1,3 1 14,0-1 0,-1 0 1,1 1-1,0 1-25,1 1 0,0 1 1,3-2-1,0 2 27,0 1 0,0-3 1,1 1-1,1-2-27,1-1 1,3 1 0,-1-1 0,3-1-14,0-1 0,-3-2 0,2-2 24,2 1 0,2 0 0,3-3 1,-3-1-12,-2-2 1,-1-1 0,0-3 0,1 0-20,-1-3 1,2 0 0,0 1 0,-2-1-21,0-1 1,1-5 0,-4 0-1,2 0 17,-2-3 0,-1 1 1,-4 2-1,0-1-9,0 1 0,0 2 0,-1 1 0,-3 1 18,-4 2 0,-1 1 0,-4 2 1,1 1 128,2 3 0,-2 2 1,1 1-1,1 1-123,1 2 0,1 4 0,-1 5 0,2 0-114,2 0 0,1 3 0,4-1 0,1 0-320,2 0 465,1 1 0,8-5 0,1 2 0</inkml:trace>
  <inkml:trace contextRef="#ctx0" brushRef="#br0" timeOffset="1617">643 42 8230,'-5'0'398,"2"0"1,0 1 0,0 1-360,1 4 1,1 2 0,0 3 0,0 3 17,-2 1 0,-3 2 1,4-1-1,0 0-81,1-2 0,1 0 1,0-3-1,0-1-24,0-1 0,1-1 1,2-3 41,2-2 0,2-2 1,2-2-1,0-1 11,2-1 0,-2-6 0,3 0 1,-1-2-55,0-1 1,0-2 0,-2 3 0,1-2-36,1-2 0,0 3 0,-3 1 1,0 2 48,1 1 0,-4 1 0,0 0 0,-1 3-77,1 0 140,-3 1 1,1 7-1,-3 1 1,0 4 201,0 1 1,0 0-1,0 2 1,-1-1-156,-1 0 0,1 0 1,-2-3-1,2 0-63,1 0 0,3-2 1,1-2-30,0 0 0,2-1 0,2-3 0,0-1 50,0-2 0,1 1 0,-1-3 1,0-2-55,0 0 1,1-2 0,0-1 0,1-1-11,1 1 1,0 0 0,-2 0-1,1-1-2,1 1 0,0 1 1,-4 3-1,0 1 128,-2 2 132,1 0 0,-2 7 0,-1 2 1,-2 3-87,-1 2 0,-1 6 0,-2-2 0,-1 1-124,-1-1 1,1 2 0,3-6 0,0-1-110,-2-1 1,0-1 0,4 0 0,2 0-1166,2-3 1257,3-1 0,0 0 0,0 0 0</inkml:trace>
  <inkml:trace contextRef="#ctx0" brushRef="#br0" timeOffset="2049">1203 239 8983,'-4'4'741,"0"2"-639,0 1 1,3 1 0,-2 0 0,0 1-58,0-1 0,0 0 1,3 0-1,0 1 20,0-1 0,0 0 0,1 0-53,2 0 0,1-2 0,2-1 0,0-2-292,0-1 0,1-1 0,2-1-246,-1 0 1,-1-1-1,0-2 1,-2-2 525,1-3 0,2 0 0,0 0 0</inkml:trace>
  <inkml:trace contextRef="#ctx0" brushRef="#br0" timeOffset="2242">1228 58 7903,'-8'0'93,"3"0"1,2 0-959,6 0 865,2 0 0,6-4 0,2 0 0</inkml:trace>
</inkml:ink>
</file>

<file path=ppt/ink/ink10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2:56.12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4 58 8986,'8'0'-38,"0"0"0,-2 0 0,-1 0 0,2 0-62,0 0 0,-2 0 0,1 0 0,0 0-34,2 0 1,0 0 0,0 0-747,0 0 1,-2 0 879,-1 0 0,-3 0 0,2 0 0</inkml:trace>
  <inkml:trace contextRef="#ctx0" brushRef="#br0" timeOffset="364">1 173 9094,'8'0'182,"0"0"0,0 0-222,1 0 1,-1 3 0,0 0-1,1-1-145,2-1 1,-1-1 0,1 1 0,0 0-1304,0 2 1488,0 0 0,-2 1 0,-1 0 0</inkml:trace>
</inkml:ink>
</file>

<file path=ppt/ink/ink10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3:04.14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90 17 7436,'5'-8'905,"-2"4"-322,-3 0-379,0 4 1,-1 0-65,-1 0 0,1 1 0,-3 1-35,0 0 0,3 5-31,-5-2 1,1 3 0,-3 1-1,2 1-42,0 1 1,-2 3 0,-3-3-1,1 2-12,1 2 0,0 0 0,-1 2 0,-1-1-85,1 1 1,-2 5 0,1 2 0,1 0-8,0 3 0,2 0 0,1-2 1,1 2 48,0 0 0,4 4 1,-1-1-1,3-1-136,0-2 0,3 1 0,4-3 0,3-2-313,3-2 0,3-1 0,0-5 0,1-1-843,-1-3 1315,5-2 0,-4-1 0,3 1 0</inkml:trace>
</inkml:ink>
</file>

<file path=ppt/ink/ink10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3:15.20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88 107 7552,'-5'0'875,"1"0"-753,1 0 0,1 1-68,-4 2 1,2 1 0,-3 5 0,3-1 15,0 0 1,-2 0 0,0 1 0,0-1-112,0 0 0,-1 3 1,2 1-1,-2 1 16,2 1 0,0-1 0,3 1 0,0 0-30,0-2 1,1 4 0,1-2-1,1 0 0,1 0 0,0 1 0,4-4 1,0-1 36,2-1 1,0-1 0,0 0 0,0-2 9,1-1 0,-1-3 1,0 1-1,0-2 40,0-1 1,3 0-1,0 0 1,0 0-21,-2 0 0,-1-3 0,0 0 0,0-2 18,1-1 0,-4-2 0,1 0 0,0-1-6,1-2 0,-1-1 0,-2-3 0,1 2-19,0-2 1,-3-1-1,3 0 1,-1-1-2,1-3 0,-3 3 1,1-3-1,-2 0-52,-1-2 1,0 2 0,-1-1 0,-2 3 15,-3 2 1,-1-2 0,-1 8 0,0 3-3,-1 3 0,1 3 0,0 2 0,0 2-16,-1 2 1,1 6 0,-1 3 0,0 2-131,1 0 1,-2 1 0,8-1-1,0 0-1003,1-3 1183,1-1 0,0 0 0,0 1 0</inkml:trace>
  <inkml:trace contextRef="#ctx0" brushRef="#br0" timeOffset="1014">552 428 7331,'4'5'1040,"-2"-1"-853,3-4 0,-2 0-113,3 0 0,-2-4 1,3-1-13,-2-3 1,1-3 0,1-1 0,0 0-77,2-3 0,-3-1 0,5 0 0,-2-1-4,-1 1 1,3-3 0,0-1-1,-1 2-9,0 1 0,0 0 0,-1 1 0,-2 0 54,0 2 0,1 0 0,-1 3 0,-1 2 52,0 2 1,-4 0 35,1 1-106,1 3 1,-3 0 0,1 6 1,-4 2 0,1 3 0,-3 0 0,2 1-25,-1 2 1,-3-1 0,1 4 0,0 0 5,-1 2 1,3 0-1,-1-2 1,0-1 18,2-1 0,1 2 1,1-2-1,0-1-12,0 1 1,0-3 0,1-5 0,2 1 2,2-1 0,0-2 0,1 1 0,0-2-5,1-1 1,1-1 0,1-2 0,-1-2 0,0-3 1,0-4 0,1-1-1,-1-2-33,0 1 1,0-4 0,1 2 0,-1-3-30,0-1 0,0 0 1,1-2-1,-1 2 41,0 0 1,-1 3 0,-1 1 0,-2 4 163,-1 3 28,-2 0 0,3 6 0,-4 3 1,-1 5-19,-2 5 0,-1 3 0,-2 5 0,1 1 81,-2 3 1,1 2 0,-1 1-1,3 1-79,0-1 0,-1 5 1,2-4-1,1 3-469,1-2 0,1-2 1,0-2-1,1-2-264,2-1 1,1-1 0,5-2 579,-1-1 0,0 1 0,0-1 0</inkml:trace>
</inkml:ink>
</file>

<file path=ppt/ink/ink10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3:25.76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4 17 7302,'0'-5'266,"0"1"74,0 1-10,0 2 74,0-3 72,-3 4-264,2 0 1,-4 0 183,3 0-175,1 0-68,-3 0-87,4 0 0,-1 0 112,-2 0-89,2 0 0,-3 0 105,1 0-96,2 0 1,-3 0-14,1 0 1,1 0 54,-3 0-62,-1 0 1,-2 0-19,0 0 0,2 0-87,1 0 1,-1 0 17,-2 0 0,2 3 0,1 0-2,-2-1 0,3-1 1,-2 1 4,0 1 1,1 2 0,1-1 0,-1 0-8,1-1 1,-2 4-1,-1-2-8,1 3 1,-1 0 0,2 0-30,-3 0 0,3 1 0,0-1 0,1 0 3,-1 0 0,0 1 1,-1-1-1,1 0 10,2 0 1,-4 1 0,3-1 10,-1 0 0,2 0 0,2 0 0,-1 1-13,-1-1 0,-1 0 1,3 0 17,-2 1 0,0-1 0,3 0 14,0 0 1,0 1 0,0-1 0,-1 0 8,-2 0 0,2 1 0,-1-1 10,1 0 0,1 0 0,1 1 0,1-1-8,0 0 1,4-2 0,-3-2 0,2 1 22,1-1 1,1-1 0,-1 2-1,0-2 66,0-1 0,1 2 1,2-2-1,0 0-8,2-1 0,-2-1 0,2 0 0,-2 0-86,-1 0 1,1 0-1,-1-1 1,0-1-67,0 0 0,3-4 0,0 3 0,-1-1-274,0 0 0,1-2 0,0 1 0,1 0-467,0-1 1,0 4 0,-2 0 807,1 1 0,0-3 0,-3 0 0</inkml:trace>
</inkml:ink>
</file>

<file path=ppt/ink/ink10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3:28.94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50 41 7551,'0'-4'1902,"0"-3"-1423,0 6 1,-1-3 88,-2 4-410,2 0-151,-2 0 1,3 1 0,0 2-17,0 2 1,2 2-1,1 2 1,0-1 11,1 0 0,-3 0 0,5 2 1,-1 0-63,0 1 1,2 3 0,-2-1-1,0 1-111,1 0 1,-2-3-1,3 1 1,-2 0-39,2-2 0,-3 2 1,2-1-1,-1-1-218,0-1 1,2-3 0,-1-1-203,1 2 1,0 0 0,0 0 627,-2-1 0,1 1 0,2-2 0</inkml:trace>
  <inkml:trace contextRef="#ctx0" brushRef="#br0" timeOffset="407">0 272 7962,'0'-5'623,"0"-1"0,4 1 1,2-4-480,1 1 1,1 0 0,0-1 0,1-2-61,-1-3 1,4-1 0,1-3 0,3 1-156,1 0 0,-1-4 0,0 5 0,0-1-304,-2 3 0,3-1 0,-2 4 1,-1 1 374,-2 1 0,-1 0 0,-2 1 0</inkml:trace>
  <inkml:trace contextRef="#ctx0" brushRef="#br0" timeOffset="900">346 264 7459,'-5'1'596,"-1"2"1,4 0 0,-3 4-310,2-2 0,-3 1 1,3 2-182,1 0 1,2 0 0,0 1-72,0-1 1,0 0-1,0-1-83,3-1 0,2 0 1,3-3-269,0-1 0,1-1 11,2-1 1,-1-4 0,1 0 304,-2-1 0,-1-6 0,0 2 0</inkml:trace>
  <inkml:trace contextRef="#ctx0" brushRef="#br0" timeOffset="1083">346 124 8459,'-8'0'-143,"4"0"1,4 0-1,5 0 143,2 0 0,2 0 0,-1 0 0</inkml:trace>
  <inkml:trace contextRef="#ctx0" brushRef="#br0" timeOffset="1517">651 289 8677,'-4'1'2058,"1"1"-1771,2 4 0,1-2 1,0 2-1,0 0-242,0 2 0,-1 0 0,-1 0 0,0 0-28,0 1 1,1-1 0,1 0 0,1 0-18,2 0 0,-3 1 0,4-1 0</inkml:trace>
</inkml:ink>
</file>

<file path=ppt/ink/ink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48.71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6 315 11373,'-9'0'426,"3"0"0,0 0-229,-1 0 0,3 0 1,-2 1-264,-1 2 1,-1 0-1,-1 4 1,2-1 90,1 1 0,-1 1 0,3 0 0,0 1-140,0 0 1,1 0 0,3-1-1,-2 1 117,-1 0 0,0 0 0,3 0-146,0 3 0,4-2 0,0 1 0,2-2-103,0-3 0,0 1 1,3-5-1,0 0-209,3-1 0,-2-1 1,2-1-1,0-1-1527,0-4 1983,-1-2 0,-2-1 0,0 0 0</inkml:trace>
  <inkml:trace contextRef="#ctx0" brushRef="#br0" timeOffset="761">237 9 8239,'-5'-1'1258,"1"-1"-237,0-1-805,3 0 1,-3 4 0,5 1 0,1 2 17,1 1 1,4 1-1,-1 3 1,1 3-27,2 2 1,0 6-1,0 2 1,-1 3-164,1 2 0,0 1 0,-1-1 1,-2 1-148,0 1 0,-4 3 0,1-3 0,-2 0-167,-1-2 1,-4 1 0,-2 0-1,-1-1-286,-2 1 1,-1 0 0,-1-4-1,0-2-1837,0 0 2392,-2-2 0,-1-3 0,-4 1 0</inkml:trace>
</inkml:ink>
</file>

<file path=ppt/ink/ink1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3:31.90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26 10988,'3'5'47,"-1"1"0,1 2 1,-3 3-1,0 0-95,0 1 1,0 0-1,0 2 1,0-1-65,0-1 0,1 2 0,1-3 0,1-1-45,-2-1 1,1-2-1,0 0 69,1-2 1,3-3-97,0 1 98,-3-2 1,2-1-1,-3-1 35,1-2 1,-1-2 0,-2-3 0,0 0 59,0 0 1,1 0 0,1-1-1,1 1 57,-1 0 1,-1 0 0,-1-2-1,2 0-15,1-1 1,3 0 0,-3 3 0,2 0-23,1 0 1,2-1 0,1 1 0,1 0-92,1 0 1,2 2-1,-2 2 1,0 0-424,1 2 1,0 1-1,3 1 1,-2 0 484,-1 0 0,2-3 0,-1-2 0</inkml:trace>
  <inkml:trace contextRef="#ctx0" brushRef="#br0" timeOffset="988">298 133 6394,'8'3'0,"0"2"0</inkml:trace>
</inkml:ink>
</file>

<file path=ppt/ink/ink1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3:34.25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3 66 6145,'0'-5'0,"0"0"0,0 3 0,0 1 0,0-4 0,-1 3-39,-1 0 1,1-2 531,-2 1-190,2 2 0,-2-3-37,1 1 0,-1 1 280,3-3-235,0 3 0,-3-3 325,0 2-356,1 3 1,2-5 266,0 2-427,0 2 0,0-1 0,0 4 0,0 2 0,2 2 0,1 0 2,-1 0 0,2 2 1,1 1-1,1 2 18,-1 2 0,0 3 0,4 1 0,-1-1-29,0 0 1,0 5-1,-2 1 1,-1 1-61,2 2 0,-3 2 0,1-1 1,-1 0-116,-3 0 0,0 4 0,-1-2 1,-1 1-168,-1 3 0,-3 0 0,-3 0 0,0-2-140,-1-3 0,-2 1 0,0-3 1,1-1-1170,1 0 1,1-4 1539,0-1 0,0-1 0,-1-2 0</inkml:trace>
</inkml:ink>
</file>

<file path=ppt/ink/ink1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4:27.35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5 74 7604,'-8'0'1620,"2"0"-1556,6 0 0,1 0 1,4-2 19,5-3 1,3 4 0,2-4 0,-1 3 14,1 2 1,0 0-1,1 0 1,2 0-4,2 0 1,6 0-1,-3 0 1,1-1-212,1-4 1,-6 3-1,6-3 1,-1 2-386,-1-2 0,3 2 0,-4-5 1,-1 1 123,0 4 1,4-4 375,-6 2 0,1 0 0,-6 5 0</inkml:trace>
  <inkml:trace contextRef="#ctx0" brushRef="#br0" timeOffset="516">206 177 7812,'0'-8'229,"-1"3"1,-2 10-134,-2 5 1,0 3 0,3 3 0,-1 2-42,-2 1 0,-2 8 0,4-3 0,-2 4 93,2 1 1,0-4 0,-1-1-322,0 2 0,-1-3 0,5 0 0,0-2 0,0-3-485,0-1 0,0-3 658,0 1 0,0 0 0,0-1 0</inkml:trace>
  <inkml:trace contextRef="#ctx0" brushRef="#br0" timeOffset="920">339 162 7821,'0'10'388,"0"0"-190,0 1 1,0 2 0,0 2 0,0 0-42,0-1 1,-5 3 0,0 1 0,0 3-109,-1 2 0,4 0 1,-3 3-1,3-2-74,2 2 0,0-4 0,0-1 1,0-2 42,0 1 0,7 0 0,3-6 0,3 1-393,1 0 1,1-2 0,1-3 0,4-5-413,5-4 1,-3-1 786,3 0 0,-1-6 0,6-3 0</inkml:trace>
</inkml:ink>
</file>

<file path=ppt/ink/ink1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4:29.95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36 29 6003,'8'-1'568,"-3"-4"-379,-4 3 1,1-4-24,3 6 0,-4-2 151,4-3-15,-3 4 8,-2-6-115,0 7-75,0 0 37,-7 0-73,6 0 1,-7 0 40,3 0 1,3 2-41,-3 3 52,4-4-181,-6 6 1,5-6 29,-3 4 0,2-3 104,-2 3 31,4 3 0,-12 0 1,9 5-65,-5-3 1,4 1 0,-4-4-7,3 1 1,-4-3-1,4 5-43,-3 1 1,5 2-1,-5 2-2,3 0 0,-6-1 1,4 1-1,-2 0-25,1 0 0,4-1 0,-5 3 0,0 1 11,2 1 1,-3 1-1,4-6 1,0 1 1,1 0 1,1 4 0,3 1 0,-1-2 3,-2-2 1,0 4 0,7 0 0,3-2 8,5-2 1,-2 3 0,3 1 0,4-2-78,3-2 1,3-1 0,-3 0 0,3-2-202,2-3 1,-3-4 0,3-6 0,0 0 90,-1 0 0,-2 0 0,3 0 180,-2 0 0,-1 0 0,-6 0 0</inkml:trace>
  <inkml:trace contextRef="#ctx0" brushRef="#br0" timeOffset="1842">471 338 7758,'0'-8'1084,"0"1"-805,0 7 0,0 2-154,0 3 0,1-2 1,3 7-1,2 0-87,2-2 0,-3 5 1,5-3-1,1 3-114,2 2 1,-3-2 0,0-2 0,2-1-133,1 1 1,-4-2 0,1-1 0,0 0-120,-2 0 1,5-3 0,-3 3-152,3-1 1,-3-2-1,-2-4 478,-1 4 0,4-3 0,-3 4 0</inkml:trace>
  <inkml:trace contextRef="#ctx0" brushRef="#br0" timeOffset="2226">456 544 7704,'15'-5'479,"-2"-1"-370,-3-3 1,3 6 0,-4-3 0,3-1-77,-2-3 0,3-1 1,-3-1-1,3 3-406,1-3 0,1-1 0,0-2 0,1 1 373,4-1 0,-4-6 0,5-2 0</inkml:trace>
  <inkml:trace contextRef="#ctx0" brushRef="#br0" timeOffset="2601">838 500 8377,'0'15'172,"0"-6"0,0 1 0,0 2-32,0 1 0,0-4 0,0 1 0,0 2-53,0 1 1,0 1-3,0 1 0,7-2 1,3-3-569,3-5 0,1-3 0,1-4-25,0-3 1,-1 2 507,1-7 0,0-6 0,-1-7 0</inkml:trace>
  <inkml:trace contextRef="#ctx0" brushRef="#br0" timeOffset="2791">882 353 7782,'-10'0'466,"1"0"-264,5 0 0,0 0 0,8 0-202,6 0 0,3 0 0,2 0 0</inkml:trace>
  <inkml:trace contextRef="#ctx0" brushRef="#br0" timeOffset="3137">1162 588 8274,'0'10'1755,"0"0"-1499,0 1 0,0-3 0,0 2 0,0 1-487,0 3 0,0 0 0,0 1 0,0 0-730,0-1 1,0 1 0,0 0 960,0-1 0,0 1 0,0 0 0</inkml:trace>
</inkml:ink>
</file>

<file path=ppt/ink/ink1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4:34.41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74 7077,'0'-8'1291,"0"0"-822,0 3-451,0 3 1,0-6-126,0 3 113,0 4 10,0-6-2,0 7 89,0 0-83,0 7-2,0 1 0,0 2 0,0 0-8,0 1 1,0 2 0,0 2-32,0-1 1,0 1 0,1 0-10,4 0 1,-3-1-27,3 1 0,-2-2 24,2-3 1,-2-4 73,7-6-26,-7 0 0,4-1 0,-6-3-9,4 0 1,-3-8 0,4 2-8,1-3 1,-4-1 0,5-1 0,1 2-35,-1 3 1,2-6-1,4 4 1,1 1-134,0-2 1,-1 0 0,1 0 0,0 1-148,-1 2 0,6 5 0,0-3 1,-2 2-629,-2 3 942,5 1 0,-5 2 0,6 0 0</inkml:trace>
  <inkml:trace contextRef="#ctx0" brushRef="#br0" timeOffset="1782">398 295 7917,'0'-8'1437,"0"1"-1406,0 7 1,0 2 0,0 3-41,0 4 1,-5 0 0,0 0 17,1 3 1,1 1 0,0 2-39,-2-1 1,0-4 0,5 0-189,0 1 1,2-2 103,3 0 1,3-5 0,7 1-92,-1-4 1,-4-1-1,0 0-795,1 0 999,2 0 0,2 0 0,0 0 0</inkml:trace>
</inkml:ink>
</file>

<file path=ppt/ink/ink1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4:36.92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 427 7542,'-9'0'1677,"3"0"-2077,6 0 1,1 0-939,4 0 1338,4 0 0,5 6 0,1 3 0</inkml:trace>
  <inkml:trace contextRef="#ctx0" brushRef="#br0" timeOffset="1028">324 30 7797,'0'-10'-43,"0"0"538,0 7 122,0-3-219,0 6-198,0 0-173,0 6 1,7 4 0,1 8 20,0 1 1,5 3-1,-5-3 1,2 6-54,0 3 1,-2 1 0,3 0 0,-2 1-38,-3-1 1,4 5 0,-5 1 0,-2-3-137,-1-1 0,-2-1 0,0 1 0,-2 0-123,-3-2 1,2 4-1,-7-9 1,-1 3-150,-2-3 0,-2-3 0,0-4 450,1 2 0,-1-2 0,0 4 0</inkml:trace>
  <inkml:trace contextRef="#ctx0" brushRef="#br0" timeOffset="1776">780 280 6322,'-10'0'1480,"0"0"-1037,7 0 0,-5 0 161,3 0-30,3 0-482,-4 0 1,7 0-1,3 1 1,2 3-199,2 1 1,2 0 0,5-5-95,0 0 1,-1 0-1,1 0 1,0 0-419,-1 0 1,1 0-1,0 0 618,-1 0 0,1-7 0,0-1 0</inkml:trace>
  <inkml:trace contextRef="#ctx0" brushRef="#br0" timeOffset="2042">736 427 8619,'14'1'51,"1"3"1,0 1-108,0-2 0,-1-1 0,1-1 0,0 2-486,-1 2 1,6 0 541,0-5 0,6-6 0,-3-2 0</inkml:trace>
</inkml:ink>
</file>

<file path=ppt/ink/ink1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4:43.56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5 338 5988,'0'9'1238,"0"4"1,0-10-370,0 7-523,-7-7 0,6 5-339,-4-3 24,3-3 0,4 3-34,3-10 0,-2 1 0,5-5-11,-1-3 1,2 4 0,-2-2-1,1 0 6,4 2 1,-1-5 0,0 2-1,-1-6-43,2-2 1,1-1-1,3 4 1,0-2 10,-1-2 0,8-4 1,-8 3-1,-1-1 31,-2 1 0,1 2 1,-3 4-1,1 0 2,-1 0 0,3 1 99,-3-1-7,-4 7-58,1 1 0,-7 14 0,0 3 15,0 3 1,0 1 0,0 3 0,0 1-19,0 1 0,5 7 0,0-1 1,-2 3-39,-1 1 0,-1-1 0,2 0 1,2-2 31,-1 0 1,4 0 0,0-8 0,2 0-257,0-5 1,-2 2-1,3-5 3,-1 3 1,0-4 0,4 0-450,1-3 0,-5-1-2,0-5 0,-2-2 686,2-2 0,-4-5 0,-6-5 0</inkml:trace>
</inkml:ink>
</file>

<file path=ppt/ink/ink1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4:52.17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4 177 7381,'-8'0'18,"1"0"117,7 0 875,0 0 1,2 5-965,3 0 0,-2-1 0,7-4-22,2 0 1,-4 0 0,0 2 0,0 1-22,0 2 0,0 2 1,4-4-1,-2 2-3,1-2 1,2 4 0,2-2 0,-1 0-39,1 1 0,5-3 0,-1 6 0,-1-1 16,-1 0 0,-3-5 1,1 4-135,0-1 1,-2-3-1,-2 6 102,-1-3 0,-2 6 67,2-3 1,1 0 49,-6 0 0,0 1 0,-6 5-40,-4 0 1,-3-1 0,-7 1-1,2 0-12,3-1 0,-3 1 1,3 0-1,-3-1-33,-2 1 1,1 5-1,-1-1 1,-1-1 22,-4-1 1,4-1 0,-4 2-1,4 2-40,1-2 1,0-1-1,1 1 1,-1 2-146,0-2 0,1-2 0,-1 1 1,2 1 132,3 1 0,-3 1 1,3-5 37,-3-1 0,3 1 0,2 0 73,2-1 1,1-4 29,5 0 27,0 0 1,5 0-1,1-2 1,2-2-45,4-2 0,1-3 1,3-1-1,2 0 78,2 0 1,1 0 0,-1 0 0,2 0-107,1 0 1,0-1 0,-5-3-1,3-1-211,2 2 0,-3 1 0,3 2 1,-2 0-132,-3 0 1,3 0 0,-1 0 0,-2 0-115,-2 0 0,-1 0 0,-1 0 411,1 0 0,0 0 0,-1 0 0</inkml:trace>
  <inkml:trace contextRef="#ctx0" brushRef="#br0" timeOffset="985">15 103 6327,'0'8'506,"7"-1"0,-4-7 0,7 0-306,1 0 1,-2-2 0,0-1-62,3-2 1,1-1 0,2 2-49,-1-1 0,1 1 0,0 2 5,-1-3 1,1 3 0,1-2 0,2 2-84,2 2 0,0-2 0,-4-1 1,2-2-136,1 2 1,6-4 0,-4 2 0,0 0 57,1-1 0,2 4 1,-3-4-1,1 1-2,-1 0 0,0-2 0,-3 4 0,2-2-36,-2 2 1,-2 1 0,-1 2 4,-1 0 0,-4 0 77,0 0 0,-5 0 145,5 0-73,-7 0 1,3 2 132,-6 3 0,0-2 0,0 7-92,0 1 0,0-2 1,0 0-1,0 3-44,0 1 1,0 2 0,0-1 0,0 1-12,0 0 1,0 4-1,0 1 1,0-2-135,0-2 1,0-1 0,0 0-487,0-1 1,7 1-266,3 0 0,1-6 847,-1 1 0,3 0 0,-5 5 0</inkml:trace>
  <inkml:trace contextRef="#ctx0" brushRef="#br0" timeOffset="1432">618 750 8786,'0'15'866,"0"-1"-923,0 1 1,0 0 0,0 0 0,0-1-220,0 1 1,0 0 0,0-1-1,0 1-586,0 0 1,0-5 861,0-1 0,7 1 0,1 5 0</inkml:trace>
</inkml:ink>
</file>

<file path=ppt/ink/ink1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5:37.61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0 1 6807,'-3'0'1157,"0"0"-210,3 0-922,0 3 0,0-2 10,0 4 0,-3-3 17,1 3 1,0-1-44,2 3 0,-1-1 0,0-1 0,-2-1 41,2 1 0,0-1 0,1 1 14,0 0 1,0-2 0,1 2-21,1 0 0,0-2 1,2-1-8,1-1 1,1-1 0,1 0 0,0 0-20,-1 0 1,1 0 0,0 0-113,-1 0 1,1 0 0,0 0-1,-1 0-329,1 0 1,-3 0 422,1 0 0,-4-3 0,2-1 0</inkml:trace>
</inkml:ink>
</file>

<file path=ppt/ink/ink1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5:56.18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78 1 9832,'0'6'-179,"-1"1"166,-2 0 1,2 2-1,-3 0 30,-1 1 1,4-1 0,-3 1 0,1 0-12,0-1 0,-4 4 1,3 0-1,-1-1 77,-3 2 0,3-3 0,0 2 0,-1-1-78,1 0 1,2-1 0,-3 2 0,1-3 13,0 0 0,2 0 1,-3-1-1,2 1-56,2-1 1,-2-2 0,-1-1 27,0 2 1,2-1 0,-3 1 0,1-3 5,0-1 0,2 3 1,-4-3 12,0 1 1,1-3-1,0 1-2,-1-2 0,-2-1 0,-1-1-3,1-2 1,2 1 0,1-4-49,-1-2 0,-2 0 0,1-2 0,0 1-12,2-1 0,2 0 1,-1 1-70,1-1 0,1 1 0,3-1 0,0 0 24,0 1 1,-4-1-1,1 1 66,1-1 0,1 4 0,1-1 111,0 0 0,0-2-32,0 0 1,3-1 22,0 0 1,4 4 0,-3 1 0,1 1-25,3 1 0,-3 2 0,2 1 0,0 0 54,2 0 1,1 0-60,3 0 0,-2 0 1,2 0-1,-3 0-16,0 0 1,-1 4-1,1 0 1,-2 1 46,-1 3 0,0 3 0,-2 2 0,-1 0-31,0 1 0,3 0 0,-4 3 0,-1-2 10,-1-2 1,2 3 0,0-2 0,1 0-38,0 0 1,-2-1 0,3-4 0,1 0-113,-1-3 1,1 2-1,5-5 1,1-1-78,0-1 0,2-1 0,-1 0 0,3-1-324,2-2 0,1-1 501,1-3 0,-1-6 0,0 3 0</inkml:trace>
  <inkml:trace contextRef="#ctx0" brushRef="#br0" timeOffset="574">556 298 9189,'-1'7'502,"-1"-1"0,-1 1-307,1 2 0,1 0 0,1 1-157,0 0 1,0-1 0,1 0 0,1-2-366,1 0 0,5-5 143,-2 1 1,3-2-1,0-1-857,1 0 1,-4-5 1040,1-5 0,-5 1 0,2-5 0</inkml:trace>
  <inkml:trace contextRef="#ctx0" brushRef="#br0" timeOffset="738">537 1 7909,'-5'4'134,"2"2"1,2 0-1,2-1-351,2-1 217,2 0 0,5 0 0,-1 1 0</inkml:trace>
</inkml:ink>
</file>

<file path=ppt/ink/ink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58.38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70 7878,'0'-6'-212,"0"0"0,0 0 1,0-2-1,0-1 915,0 0-488,0 5 0,0-1 135,0 2 1,0 1 438,0-4-282,0 4-437,0-2-154,0 4 139,0 0 0,1 4 0,1 2-59,1 2 1,0 1 0,-3 2-1,0 2 2,0 0 1,0 5 0,0 2 0,0 1-91,0 0 1,0-2-1,0 4 1,0-1 14,0 0 1,0-2-1,0 1 1,-1-1-84,-2 1 1,2-2 0,-2-3 84,2-2 1,1-3 0,0 1 0,0-3-91,0 0 1,1-1 115,2-2 1,-1-2 0,4-4 4,1 0 1,-3-4 0,0-2 0,-1-2 23,3-1 1,-1-2 0,0-1 0,0 1 50,0 2 0,0 1 0,4 1-64,0 1 1,0 3 0,-1-1 0,1 0 6,0 2 1,-1 2-1,-2 2 1,0 2 95,1 0 0,1 3 19,1 5 1,-5-2 0,-1 1-1,-2-1 2,-1-1 0,0 2 0,0 1 1,0-1 67,0-2 0,-1 0 0,-2 0 0,-2 0-127,-3-1 0,-1 1 0,0-1-199,1-2 1,-1 0 0,0-3 0,0-1-82,1-1 1,0-2 0,1-2 0,1-2-95,0-3 1,-1-4 0,1 1-1,3 0 342,2 1 0,1 1 0,0 1 0,4-1 0,1 0 0</inkml:trace>
  <inkml:trace contextRef="#ctx0" brushRef="#br0" timeOffset="1070">472 350 6939,'-5'0'2601,"1"0"-1944,4 0 21,0 0-442,0-4 1,1 3-156,2-2 0,-1 2 0,4 1-36,1 0 1,-2 0 0,1 0-44,0 0 1,-1 0-1,1 0 1,1 0-8,1 0 1,1 0 0,2 0-41,1 0 0,-1 0 0,-1 1 0,1 1-159,0 1 0,2 0 1,-2-2-1,1 1-1,2 1 1,-3 0 0,3-1 0,-1 1 61,-3-1 0,3-1 0,-1-1 0,-2 1-267,0 2 0,2-2 1,-1 2-1487,0-2 1896,-1-5 0,-2-1 0,1-4 0</inkml:trace>
</inkml:ink>
</file>

<file path=ppt/ink/ink1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5:58.73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78 39 7906,'5'-6'-282,"-4"-2"845,2 1 73,-2 3 46,-1-4-174,0 7-438,0-4 0,0 6 1,0 3-90,0 2 0,0 2 0,0 3 0,0 1-73,0 1 0,-3 4 0,-2-1 0,1 2 62,0 1 0,-4 0 1,3 0-1,-1 1 16,-1-1 1,2-1 0,-2-2-1,0-2 21,0 0 0,1-4 0,0 3 0,-2-2-2,0-2 0,2-2 0,-1-2 1,1 0-4,0 1 0,-2-4 0,2 1 30,-3-2 1,-1-1 0,1-1-2,-1-2 1,1-2-1,-1-2 1,2 1-17,1-2 0,-1 3 0,1-2 1,0 0-32,0-2 1,-1 3-1,2 0 1,0-2-75,0 0 0,3 1 0,-3 1 29,2-2 0,0 1 1,2 0-1,-2 0 6,2 0 1,1-2 0,1 0 39,0-1 0,3 0 0,2 1 0,0-1 22,2 1 0,1-1 0,-1 0 0,0 1-3,0-1 0,2 2 0,0 0 0,0 2 51,-3-2 1,3 4 0,-4 0 0,1 1 128,1-1 1,-4 1 0,3 3 83,2 0 1,0 5 0,1 1-125,-3 2 0,2 2 0,-4 0 0,0-1-46,1 1 1,1 0 0,-2 2 0,0 1-25,1-1 1,1 2 0,-2-2-1,1 1-149,-1 1 0,2-2 0,-1 3 0,-1-2-91,0-1 1,3-1 0,-3-2 0,1 0-157,3-3 1,0 2 0,2-4-1,-1 0-198,1 1 1,1-2 519,1-3 0,3-9 0,4-1 0</inkml:trace>
  <inkml:trace contextRef="#ctx0" brushRef="#br0" timeOffset="590">518 307 10062,'0'10'253,"0"-4"1,-1 1 0,-1 0-95,-1 2 0,-1 0 1,4 1-1,0-1-92,0 1 1,2 0-1,0-1 1,1 1-27,-1-1 1,3 0 0,2-3-1,0-2-529,0 1 0,1-4 1,-2 2-55,3-2 1,1-2 0,-2-2-1,0-4-514,-2-1 1,-4-2 1055,1 1 0,3-5 0,-1-1 0</inkml:trace>
  <inkml:trace contextRef="#ctx0" brushRef="#br0" timeOffset="803">528 39 7228,'-5'-6'3085,"0"-2"-3403,0 7 0,5 0 1,6 5-1,3 0 318,0 0 0,1 4 0,-1-3 0</inkml:trace>
</inkml:ink>
</file>

<file path=ppt/ink/ink1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6:01.1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0 29 7577,'0'-5'831,"-4"1"1,2 4-266,-5 0 198,5 0-723,-2 0 1,5 0-228,2 0 1,2 0 0,5 0 118,0 0 1,-4 0-1,0 0 1,2 0-22,0 0 0,2 0 1,1 0-1,0 0 4,2 0 1,3 0-1,-2 0 1,1 0-400,2 0 0,-3-3 483,-1-1 0,-3-3 0,0 2 0</inkml:trace>
  <inkml:trace contextRef="#ctx0" brushRef="#br0" timeOffset="410">10 164 7600,'-5'0'1783,"1"0"-1618,4 0 0,1 0-62,2 0 1,2 0 0,5 0 0,0 0-233,-1 0 0,2 0 0,2 0 0,3-1-28,2-3 0,1 2 0,0-3 0,0 0 46,1-1 111,-1 4 0,0-6 0,0 2 0</inkml:trace>
</inkml:ink>
</file>

<file path=ppt/ink/ink1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6:03.33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3 58 7906,'3'-7'-529,"1"1"0,-1 3 1345,-3-3-183,0-1-353,0-2 1,0 2 226,0 1-323,0 4 0,-1-3-125,-2 5 1,0 0-13,-3 0 1,3 1 0,-4 3 0,1 2-64,1 3 1,-4 0 0,3 2 0,-3 0-1,0 2 0,-1 4 0,1-1 0,-1 1 24,0-1 0,1 6 0,-1-3 0,1 2 31,-1 3 1,1-1 0,2 4-1,2-2 16,0 2 0,2 0 1,3-1-1,0-1-17,0-2 0,0 0 0,1-4 0,1 0-18,2 0 1,3-1 0,-1-2 0,3-3-23,1-2 0,-1-2 1,2 0-1,1-2-53,0 0 0,1-5 1,-2 2-1,0-1-46,2 0 1,3 1 0,-3-5 0,0-3 37,1-2 0,-4-4 0,4-2 0,-1-4 28,0-3 1,1-1 0,-3-2-1,2-4 43,-1-1 0,-5-5 0,0-1 1,-1-2 61,-1-1 1,0 0-1,-5 1 1,0 3-51,0 2 0,-5 1 0,-1 2 0,-2 1-50,-2 4 0,0 2 0,1 4 0,-1 5 138,1 3 0,-1 1 0,0 4-174,1 0 1,-1 7 0,2 3 0,0 5-251,2 4 1,4 3-1,-3 3 1,2 3 315,0-1 0,0 8 0,3-2 0</inkml:trace>
</inkml:ink>
</file>

<file path=ppt/ink/ink1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6:08.05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509 7206,'4'-6'-435,"-1"-1"1,0 4 588,-3-3 1,0 3 391,0-4 185,0 5-125,0-2-487,0 4 1,0 1 0,0 2 0,0 4-74,0 1 0,0 3-104,0 2 1,0-3 0,0 3-39,0-2 1,0-5 0,1-1-464,2 0 0,-1-3 0,4-5 26,-2-4 0,-1-1 533,-3-2 0,0 0 0,0 1 0</inkml:trace>
  <inkml:trace contextRef="#ctx0" brushRef="#br0" timeOffset="209">0 202 7906,'0'-9'29,"0"2"1,0 1 268,0-1 0,0-2-62,0-1 1,1 5-336,3 2 1,0 1 0,3 0-324,0-2 1,-4 2 0,3 5 421,2 4 0,-4 1 0,0 2 0</inkml:trace>
  <inkml:trace contextRef="#ctx0" brushRef="#br0" timeOffset="828">183 490 7940,'0'-5'1168,"0"2"-984,0 6 1,0 2-1,0 5 1,0-1-207,0 1 1,0-4-1,0 1 1,0 0-434,0 2 1,0-3-462,0 0 1,1-3-41,2 0 956,-2-6 0,8-7 0,-4-5 0</inkml:trace>
  <inkml:trace contextRef="#ctx0" brushRef="#br0" timeOffset="1216">173 164 7771,'0'-10'-52,"0"1"39,0 3 1,1-1 89,2 4 0,3 0 4,3 3 0,-2 3 0,-2 1 0,-1 1-222,-2 3 1,3 0 0,-2 2 89,-1 0 0,-1-1-15,-1 1 1,-1-5 0,-2-2-36,-4-2 0,2-1 1,-1-1-3,-2-2 1,4-2-1,0-4 1,0 2-69,1 0 0,0 1 1,3-4-1,0 1 171,0-1 0,0 4 0,0-1 0,1 5 0,2-1 0,-2-2 0,4-1 0</inkml:trace>
  <inkml:trace contextRef="#ctx0" brushRef="#br0" timeOffset="1634">403 720 7586,'0'6'110,"0"-3"1,0-6 0,0-4-127,0-1 0,0-3 1,0-2-1,0-2 72,0 0 0,0-6 0,0 0 0,0-4 2,0-1 1,0-8 0,0 2 0,0-5-50,0-1 0,-3-7 1,0-1-1,1 1-82,1-2 0,1 4 1,0 3-1,0 4 25,0 8 0,3 4 0,1 7 24,1 1 0,2 9 0,2 0 0,1 5 28,0 2 0,-1 4 0,1 4 0,-1 4-200,1 4 1,0 2-1,-1 1 1,1 0-150,-1 0 1,0 0 0,-2 2 344,0 1 0,-1-2 0,4 4 0</inkml:trace>
  <inkml:trace contextRef="#ctx0" brushRef="#br0" timeOffset="2676">221 672 7279,'0'7'-387,"0"-1"1,0-3 0,0 4 370,0 0 0,0-2 0,-1 1 101,-2-2 1,2 0 244,-3 0-160,3 1 1,0 0 278,-2-2-269,2-2 0,-3-5 0,4-2-104,0-3 0,0-4 0,0 0 0,0-1 7,0 0 0,0-6 1,0 0-1,0 0-82,0 0 0,-1-3 1,-1-3-1,-3-2-24,0-1 0,3-4 0,-2-2 1,0-2 16,1-1 1,0-1-1,3 2 1,0 2 47,0 3 1,1 3 0,2 3 0,4 4-11,1 2 1,2 2 0,-1 1 0,1 2-2,0 1 1,-1 2 0,1 5-1,-1 1-64,1 2 1,0 1-1,-1 3 1,1 0-72,-1 0 0,1 0 0,0 1 0,-1 1-226,1 1 1,-1 6-1,1-1 1,-2 4 329,-1 0 0,1 3 0,-2 0 0</inkml:trace>
  <inkml:trace contextRef="#ctx0" brushRef="#br0" timeOffset="2970">68 471 7523,'1'5'115,"2"-2"1,2-2 0,5-1-1,-1 0 25,1 0 1,3 0 0,2 0 0,1 0-246,1 0 0,3 0 0,-4 0 0,2 0-345,1 0 1,-1 0 0,-1 2 449,-1 1 0,0 2 0,4 5 0</inkml:trace>
  <inkml:trace contextRef="#ctx0" brushRef="#br0" timeOffset="3463">298 490 7776,'1'5'281,"2"-1"1,-1 0 0,5-1 0,0-1-194,2-1 0,3 2 0,1 1 0,0-2-570,1-1 0,0-1 0,3 0 0,-1-1 482,1-2 0,1 2 0,1-4 0</inkml:trace>
</inkml:ink>
</file>

<file path=ppt/ink/ink1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6:16.10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57 844 7337,'0'-10'0,"0"1"0,-1-1 0,-1 1 0,-1-1 68,1 1 0,1-4 0,1-1 0,0-1 18,0-2 0,0-2 0,0-3 0,0-1 11,0-2 1,-3 0-1,-1-5 1,2-1-22,1-1 1,0 0 0,-1 1 0,-1-2-44,1-2 0,0-3 1,-1 5-1,0 0 10,1 0 1,1-1 0,1 4-1,0 3 9,0 3 0,0 1 0,0 5 1,0 2 52,0 3 1,-1 3-1,-1 0-44,-1 0 1,-1 4-35,4 0 1,0 2 20,0-2 1,0 3 100,0-4 21,0 5-158,-4-2 0,3 5-20,-2 2 1,5-1 0,1 5 23,-1 0 1,3-1 0,-1 0-43,1 1 1,-2-1 0,4-1 0,0 0 19,2 1 0,0-4 0,2 2 0,2-1-9,3 1 0,2-1 0,1-2 1,1 1-4,3 1 1,-2 0 0,4-3 0,-1 1-109,1 3 1,-4-3-1,2 2 1,0-2-334,-1-1 0,0 0 0,-2 0 0,-1 0-964,0 0 1423,0 0 0,-4 0 0,-1 0 0</inkml:trace>
  <inkml:trace contextRef="#ctx0" brushRef="#br0" timeOffset="458">115 499 7470,'-10'0'323,"4"0"533,0 0-630,3 0 0,0 0 0,6 0-143,4 0 0,1 0 1,3 0-1,2 0-31,3 0 0,2-1 1,1-1-1,1-2 3,3 2 1,-3 1 0,3 0-1,0-1-624,-1-1 1,1-1 0,-4 1 568,0 0 0,0-4 0,0 1 0</inkml:trace>
</inkml:ink>
</file>

<file path=ppt/ink/ink1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6:17.61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92 20 7694,'0'-5'1138,"0"0"-454,0 1-185,0 3-320,0-3 0,-1 4-120,-2 0 1,1 1-1,-4 2 0,0 3 0,-1 2 0,1 0 4,2-2 1,-3 0 0,1 4 0,0 1-30,0 1 1,-1-1-1,-2 3 1,-1 0-42,0 2 1,1 3 0,-1 2-1,1 2 31,-1-2 0,1 3 1,-1 2-1,0 2-26,1 0 1,2 4 0,2 2-1,1-1 32,2 0 1,1 3-1,1-2 1,1 1-96,2 0 1,2-1 0,5 2 0,-1-5-137,1-1 0,4-5 1,2-2-1,1-1-274,-1-3 1,2 1 0,-2-7-1,2-1 475,1-2 0,0 0 0,1-1 0</inkml:trace>
  <inkml:trace contextRef="#ctx0" brushRef="#br0" timeOffset="1218">423 222 5990,'0'-6'-26,"-1"2"100,-3 4-41,3-4 1,-3 2 0,3-4 94,-2 2 75,2 1 1,-5 2 312,3-2-69,2 1 1,-4-2-23,2 4 1,1-1 447,-1-2-517,2 2 1,0-7 161,-2 5-300,2 0-113,-3 3-21,4 0 0,4 0-99,2 0 0,2 1 0,-1 1 0,0 1 22,0 0 1,2 1 0,0 0 0,2 0-12,2 1 1,-3-1-1,4-1 1,-1 2-8,0 1 1,3 1-1,-4-3 1,1 2-95,1 1 0,-3-1 0,2 0 0,-3 0-55,0 0 1,-1 2 121,1-1 1,-1 1-1,-3 2 28,-3-1 1,-2-2 0,-1-1 55,0 2 0,-1 0 0,-2 2-45,-3-1 1,0-2 0,0-2 96,-2-1-94,0 4 1,-2-4 0,0 3 0,-2 0-22,-1 0 1,-1 2 0,2 0-1,0 1-56,0 0 1,-2-1 0,1 2-1,2 1-29,0 0 1,1 2-1,1-2 1,-1 2 89,1 1 1,-1-4 0,1 2 0,2-2 33,1-2 0,3 4 0,0 0 55,2-1 0,1-2 0,0 0 27,0 0 1,4-2 0,3 0-6,1-2 1,2-4 0,0 2 0,-1 0-28,1-1 0,-1 1 0,1-2 0,0 1-37,-1-1 1,1 3 0,-1-2 0,0 0 15,-3 1 0,3-3 0,-3 4 1,4-2-18,3 0 0,-3 0 1,4-3-1,0 0-41,2 0 1,2 0-1,2 0 1,2-1-474,0-2 0,0 1 0,-3-4 0,1-1-205,-1 2 685,-4 1 0,-1-1 0,-5 0 0</inkml:trace>
  <inkml:trace contextRef="#ctx0" brushRef="#br0" timeOffset="2102">375 97 7527,'-6'0'-1409,"2"1"1452,4 2 841,-4-2-126,3 3-30,-8-4-390,8 0 0,-2 0-208,6 0 0,-1 0 0,5-1-42,0-2 1,2 2 0,0-2-35,1 2 0,0 1 0,2 0 0,1 0 12,-1 0 0,2-1 1,-1-1-1,2-1-61,2 0 0,1 1 0,2 0 0,-2-1-185,-2 1 1,1-2-1,-3 0 1,0 2 62,-1 1 0,3-2 1,-3 0-1,-1 1 12,-1 1 1,-2 1 0,1 0-1,-1 0-63,1 0 1,-4 0 133,1 0 243,-1 0 1,-1 4-184,-1 2 1,-3 3 0,-1 0 0,0 1 132,0-1 0,0 1 0,0 1 0,0 0-66,0 2 0,0 1 0,0-2 0,0 1-151,0-2 1,0 0-1,0-1 1,0-1-191,0 1 1,3-4 0,1-1-1,0 1-543,1-1 791,-2-3 0,1 7 0,1-4 0</inkml:trace>
  <inkml:trace contextRef="#ctx0" brushRef="#br0" timeOffset="2520">777 529 8788,'0'10'890,"0"2"-826,0 1 1,0 1 0,0-2-1,0 3-301,0 0 1,0 2 0,0-3-1,0 1-306,0 2 0,4-2 0,-1 0 543,-1-1 0,3 3 0,1-2 0</inkml:trace>
</inkml:ink>
</file>

<file path=ppt/ink/ink12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6:22.63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0 394 7418,'-5'-5'1061,"4"1"-696,-3 4 0,5 0-191,2 0 1,-1 4 0,4 3 0,-1 4-40,0 2 1,2 1 0,2-2-1,1 3-135,0 0 1,-1 3 0,1-2 0,-1 1-101,1-1 1,0 1 0,-1-4-1,1-1-244,-1-1 1,1-2 0,-1 1 0,1-2-237,0-1 0,-1 0-756,1-4 1336,-5 1 0,-1 0 0,-4 1 0</inkml:trace>
  <inkml:trace contextRef="#ctx0" brushRef="#br0" timeOffset="319">0 663 7783,'0'-7'163,"0"1"0,0 3 0,0-4 16,0 0 1,1 2-1,3-2-46,2 0 0,3-2 1,0-1-1,1-2-75,-1-1 1,5-3-1,2 2 1,2-1-91,2-2 0,-1 0 0,0 0 0,-1 2-345,-2 1 1,1 3 0,-3 3 0,0 2 74,0-2 1,-5 4 301,-2 1 0,-5-2 0,2-1 0</inkml:trace>
  <inkml:trace contextRef="#ctx0" brushRef="#br0" timeOffset="685">355 653 7228,'-5'4'617,"2"3"1,-2 1 0,2 2 0,1 0-259,1-1 1,1 1-1,0-1-267,0 1 1,1 0 0,1-1-91,1 1 1,5-5 0,-3-1 0,2-1-148,-1 1 0,0-1 1,4-3-617,0 0 0,-4 0 1,0-1-230,2-2 0,-1 0 990,0-3 0,1 0 0,-2-4 0</inkml:trace>
  <inkml:trace contextRef="#ctx0" brushRef="#br0" timeOffset="885">355 452 8286,'-4'0'768,"4"1"-1027,5 2 1,1-2 0,0 2 0,2-1-537,0 2 0,2-3 795,-1 2 0,5-2 0,1-1 0</inkml:trace>
  <inkml:trace contextRef="#ctx0" brushRef="#br0" timeOffset="1599">720 39 7798,'1'-8'61,"2"1"227,-2-1 1,3 6 80,-4-5 0,1 5-136,3-1 1,-2 2-1,3 2-118,-1 2 0,3 3 1,-3 4-1,0 3-26,0 3 0,4 2 0,-3 2 0,2 2 40,-1 0 1,-1 8 0,3-1 0,-3 1-35,-1-1 1,1 4-1,-3 3 1,1 2-257,-1 3 0,-1 2 0,-2 3 0,-2-2-206,-3-2 1,-3 3 0,1-3 0,0-3-130,2-3 0,0-4 0,-1-6 0,0-4 496,0-2 0,-1-5 0,-2-1 0</inkml:trace>
  <inkml:trace contextRef="#ctx0" brushRef="#br0" timeOffset="2833">1190 404 6694,'-6'0'-154,"1"0"976,2 0-63,2 0 85,-8 0-181,4 0-517,0 0 0,1 0 0,8 0-13,2 0 0,4 0 1,1 0-145,2 0 0,3 0 0,-2 0 0,1 0-253,2 0 0,0 0 1,0 0-1,-1 0-265,1 0 0,1-1 1,0-1-1,-1-3 529,-1 0 0,-4-1 0,2-4 0</inkml:trace>
  <inkml:trace contextRef="#ctx0" brushRef="#br0" timeOffset="3201">1151 529 6536,'-4'5'1411,"3"-1"0,-3-3-1065,4 2 1,1-2-209,2 3 1,2 0-1,5-1 1,0-1-170,-1-1 1,4 2 0,1 1 0,1-2-16,2-1 0,1-1 1,2 0-1,1 0-1183,2 0 1,-1 0 1228,-3 0 0,5 4 0,0 1 0</inkml:trace>
</inkml:ink>
</file>

<file path=ppt/ink/ink12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6:26.84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9 9 7402,'-5'-4'770,"1"3"1,0-2-1,1 6-575,1 3 0,0 6 0,0 3 0,-1 1 16,1 1 1,-1 6 0,1-3-1,-1 0-107,1 0 1,1-2-1,2-1 1,2-2-252,4-1 0,0-1 1,2-5-1,-1 0-35,3-2 1,1-4-1,0 0 1,2-4-100,1-4 0,0-3 1,2-1-1,-1-3 108,1-3 0,0-1 0,0 0 1,-2 1 76,-1-1 1,2 2 0,-3 0 0,-2 1 32,0 2 0,-2 2 0,-2 1 449,-1 3 1,-2-2-217,2 5 0,-5 4 0,-1 8 0,-5 5 279,-4 5 1,-5 11-1,-2 4 1,-2 7-88,-1 7 1,0 3-1,0 1 1,0 1-394,-1 0 1,1 3-1,1-5 1,2-2-318,3-3 0,4-5 1,2-5-1,4-3 348,2-3 0,1 5 0,0-5 0</inkml:trace>
</inkml:ink>
</file>

<file path=ppt/ink/ink12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6:53.66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38 7878,'5'0'1126,"0"0"-752,-5 0 7,0 0-141,0 5 39,0-4-262,0 3 92,0-4-17,4 0 1,-2 0 18,4 0 1,-2 0-11,2 0 0,0 0 0,4 0 30,0 0 0,-1-1 1,2-1-45,2-1 0,0-1 0,3 3 0,-3-1 10,-2-1 0,-2 0 0,2 3 0,1 0-52,1 0 0,1-3 1,-3-1-1,3 2-41,1 1 1,-2 1 0,2 0 0,-1 0 36,-3 0 1,3-3 0,0 0-1,0 1-90,0 1 1,-2 1 0,-2 0 0,0 0-8,-1 0 1,0-1 0,-2-1-1,0-2-150,0 2 0,2 1-471,0 1 1,-2 0-153,-1 0 0,-3 0 120,4 0 0,-5 1 709,1 2 0,-2-2 0,-1 4 0</inkml:trace>
  <inkml:trace contextRef="#ctx0" brushRef="#br0" timeOffset="717">153 154 7150,'-5'-5'-120,"1"3"532,4-4 1,0 3-18,0-4-59,0 5 57,0-2-320,0 4 0,0 4 1,0 2-38,0 3 0,0 4 0,0 1 0,0 1 11,0 2 0,-3 1 0,-2 1 0,0 0-21,-2 0 1,1 0 0,0 1 0,0-2-98,0-2 0,-1 1 1,4-4-1,0-2-308,2 0 0,1-1 0,0-1-925,0 1 1304,0-1 0,5-3 0,0-2 0</inkml:trace>
  <inkml:trace contextRef="#ctx0" brushRef="#br0" timeOffset="1103">297 115 6344,'0'10'647,"0"-1"1,0 1-428,0 0 1,0-1-1,0 2 1,0 1-13,0 0 1,-3 5-1,-1-1 1,0 2-98,-1 2 0,-2-1 0,2 0 0,-1 0-142,3 0 1,-1-3 0,1-1-1,0 0-89,2 0 0,1-3 0,0 1 0,1-3-129,3 0 1,1-4-1,6 0 1,1-2-308,4-2 0,3-1 0,1-1 556,2 0 0,3-4 0,3-2 0</inkml:trace>
</inkml:ink>
</file>

<file path=ppt/ink/ink12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8:18.74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43 48 6952,'9'-10'404,"-3"1"-111,-2 4 0,-4-1 432,0 3-105,0 2-194,0-3-112,0 4-109,0 0-119,0-4-122,-4 3 0,2-4 122,-5 5 0,4 1-179,-3 3 1,3-2 61,-4 4 1,2 0 0,-2 4 22,0-1 0,4 1 0,-3-1 0,0 1 6,0-1 1,-2 5 0,2 2 0,-2 1 0,2-2 1,-2 4 0,2-1 0,0 4-25,0 3 0,0-3 0,-1 2 0,2-1-39,0-2 0,-1 2 0,3-1 0,1-1 11,1 0 0,1-3 0,0 1 1,0 0-131,0 0 1,0-1-1,1-1 1,2-1-84,3 1 1,2 0 0,0-1-1,0-1-83,-1-1 1,7 2-1,-5-3 1,2 1 348,-1 0 0,4 3 0,1-3 0</inkml:trace>
  <inkml:trace contextRef="#ctx0" brushRef="#br0" timeOffset="2807">418 342 8081,'-5'0'750,"-1"0"-576,3 0 1,1 0-54,-4 0 1,-1 0-18,-2 0 1,-1 1-88,1 2 1,0 1 0,0 3 0,2 0-4,0 0 1,2-2 0,-2 2 0,0-1-57,0-1 0,2 4 0,0-3 0,-1 2-50,1 2 0,2-1 0,-2 1 1,0-1-51,3 1 1,-2-1 0,1 1 68,1-1 0,1 1 0,1-1 25,0 1 1,1-4 0,2 0 15,3 2 1,3-1 0,0 0 0,2-1-72,1-2 0,0-1 0,3-2 0,-1 1-68,1 1 0,1 1 0,3-4 0,-1 0-211,-2 0 1,0 0 381,-3 0 0,4 0 0,-2 0 0</inkml:trace>
  <inkml:trace contextRef="#ctx0" brushRef="#br0" timeOffset="3518">626 370 6686,'-6'0'836,"0"0"-636,4 0 1,-4 0 98,3 0 1,1 0-38,-4 0 1,3 0-164,-4 0 1,4 0 0,-2 1 0,0 2 28,-1 4 0,3-2 0,-2 1 1,0 2-153,-1 0 1,3 1 0,-2 1-1,1 0 13,2 3 1,1-2-1,1 1 1,0 0-37,0 0 0,0-1 1,0 2-1,1-3-30,2 0 1,-1-4 0,4-1 0,2 1 27,0-1 0,2-3 0,-1 1-15,0-2 1,1-1 0,-1 0 0,1-1 19,-1-2 0,1 1 0,-1-5 1,1 0 27,-1-1 0,-2-2 0,-2 1 0,0-2-6,0-1 1,1 1-1,0-3 1,-2 1 55,0-3 1,-3 1 0,3-1 0,-3 1 23,-1 0 1,0-2-1,0 4 1,-1 2-79,-3 0 0,-1 2 0,-4 0 0,-1 3 28,1 3 1,-1 2 0,0 1-1,-2 0-57,0 0 1,2 3-1,5 1 1,0 1-126,-1 3 0,4 0 1,-1 2-1,2-1-132,1 1 1,1-1 0,1 1-1,2-1 306,2 1 0,0-5 0,3 3 0,1-3 0</inkml:trace>
  <inkml:trace contextRef="#ctx0" brushRef="#br0" timeOffset="4291">892 304 8010,'-7'0'-171,"1"0"0,3 4 1,-2 2 460,0 3 0,-1 0 0,3 2 0,0 0-118,-1 2 1,3 1 0,-4-2 0,2 3-16,0 0 1,0-2 0,3-3-212,0-1 1,1 0 0,1-2 0,2-2 88,2 0 1,0-2 0,3-4-83,1-2 0,-1-3 0,1-3 0,-1-1-35,1 1 0,-1-1 0,1 1 1,-1 1-7,1 1 0,-4-1 0,0 1-144,2-1 0,-3 3 230,1 2 0,-4 3 117,1 3 0,-1 2 0,-2 5 0,0-1-25,0 0 0,0 1 0,0-1 97,0 1 0,1-1-204,2 1 1,2-5-19,4-2 1,1-6-1,-1-2 1,1-1-8,-1-1 1,1 1 0,-1-4 0,1 1-56,-1-1 1,0 1 0,-1 0 0,0-1-26,-1 1 1,3 0-1,-3 2 227,1 0 0,-2 5 186,1-1 0,-5 6 1,1 4-77,-2 1 0,-1 5 0,-1-1 0,-1 0-131,-1-2 0,0 3 0,3 0-462,0-2 1,0 0 0,0-2-502,0 1 0,4-5 879,2-2 0,3-2 0,0-1 0</inkml:trace>
  <inkml:trace contextRef="#ctx0" brushRef="#br0" timeOffset="4624">1309 503 8010,'-1'9'479,"-2"1"0,1-1 0,-2 1 0,1-1-239,0 1 1,-1-1 0,2 1-82,-2-1 1,1 1 0,3-1-112,0 0 1,1 0 0,3-2-469,2 0 1,-1-5-1,1 1 1,2-2-320,0-1 0,2-1 0,-1-2 102,1-4 1,-1-1 636,1-2 0,-1 1 0,1 0 0</inkml:trace>
  <inkml:trace contextRef="#ctx0" brushRef="#br0" timeOffset="4810">1347 342 8010,'-10'0'837,"1"0"0,2 0-81,1 0 0,4 1-1038,-1 2 0,3-2 0,3 2 0,3-2 282,3-1 0,0 0 0,1 0 0</inkml:trace>
  <inkml:trace contextRef="#ctx0" brushRef="#br0" timeOffset="5482">1612 588 9995,'0'10'183,"0"-1"1,0 0 0,0 1 0,0-1-48,0 1 1,0-1 0,0 1-390,0-1 0,0 1 0,0-1 0,1 0 253,2-3 0,3 2 0,3-2 0</inkml:trace>
</inkml:ink>
</file>

<file path=ppt/ink/ink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2.4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 183 7958,'-1'-8'0,"-1"2"0,-1 0 1440,1-1-745,1 3-494,1 0-73,0 4 0,0 1-124,0 2 1,0 3-1,0 6 1,0 2 71,0 3 0,0 3 0,0 2 1,0 3-81,0 2 1,0-2 0,0-2-1,0 2-31,0 0 0,0 0 0,1-2 0,1-2-43,1-3 1,3-1 0,-2-3 0,-1-2-5,1-2 1,2-2-1,-2 1 10,1 0 0,1-1 4,2-3 1,1-2 73,0-6 1,-3-1 0,-1-6 0,-1-2 33,1-2 0,1-4 0,3-2 0,-1-3-14,-3-3 1,6-3 0,-2-1 0,1 0 33,-1 0 1,0-2 0,1 2 0,0 1-122,2 1 1,3-2 0,-4 7 0,0 3-430,-1 3 1,-2 2 0,1 4-540,0 3 1029,0 3 0,-1 13 0,1 2 0</inkml:trace>
  <inkml:trace contextRef="#ctx0" brushRef="#br0" timeOffset="573">245 437 7047,'0'4'1684,"1"0"-1268,2-4 0,1 0-279,5 0 1,-1-1 0,-1-1-230,-1-1 1,-2-3-1,3 1-34,-1 0 1,-4-3 105,1 2 0,-3 3 1,-2-1-337,-1 0 1,-4 3 260,1-2 0,-1 6 0,-2 3 93,0 1 0,3 2 1,1 1-1,1 0 35,-1 2 0,2 1 1,-2-3-1,1 3 107,2 1 1,1-4 0,1 3-1,0-1 131,0-1 1,1 1 0,2-4-34,3-3 0,2-1 0,1-4 0,2 0-76,1 0 1,2-4 0,-1-2 0,0-4-384,-1-2 0,3 1 1,-3 1-1,1-1-600,0 0 0,-2 0 1,-2 4-1,0 1 821,-1 0 0,1 2 0,0 0 0</inkml:trace>
  <inkml:trace contextRef="#ctx0" brushRef="#br0" timeOffset="872">472 437 6390,'-4'8'525,"3"-2"0,-2 0 0,2 1-142,1 1 0,-3 0 0,0 1 0,1 0-19,1-1 0,1 1 231,0 0-369,0 0 1,4-4-109,2-3 0,-1-4 1,0-4-1,0-3-137,0-3 0,0 3 0,4-4 0,-1 1-62,-2 1 1,3-1-1,-1 3 1,0 1-370,0-1 1,1 1-1,-3 2 1,2 3-491,1 2 0,-1 1 0,1 0 940,0 0 0,0 4 0,-1 1 0</inkml:trace>
  <inkml:trace contextRef="#ctx0" brushRef="#br0" timeOffset="1064">708 480 6981,'0'9'1183,"-1"-1"0,-1-1-627,-1-2 1,0-2-1610,3 3 24,0-4 1,3-6 1028,0-7 0,0-5 0,-3-1 0</inkml:trace>
  <inkml:trace contextRef="#ctx0" brushRef="#br0" timeOffset="1230">699 105 7985,'-4'-9'510,"2"4"649,-4 2 0,2 3 0,-2 3-1217,3 3 0,3 2 1,3 0-1,2 1-1156,-1 0 1,7 2 1213,-2 1 0,5 4 0,0-3 0</inkml:trace>
  <inkml:trace contextRef="#ctx0" brushRef="#br0" timeOffset="1800">935 795 7877,'0'-9'94,"0"0"1,-3 1 0,0-2 0,1-2 220,1-2 1,0-3 0,-1-1 0,-1-2-189,1 0 0,1-6 0,-1 0 0,-2-1-44,-1-4 0,2-1 0,-2-3 0,0 0-32,0-1 1,2-9-1,-1 4 0,0-2-179,2 1 0,1 2 1,1 4-1,1 3 50,2 2 1,3 5 0,4 7-1,3 4 133,0 3 1,2 3 0,2 2 0,2 2-6,1 2 1,-1 1 0,1 5 0,-2 2-54,-4 3 0,3 1 0,-4 0 0,1 0-1018,-2 3 0,-3 2 0,-1 3 1021,-2 1 0,-2-1 0,-4 0 0</inkml:trace>
  <inkml:trace contextRef="#ctx0" brushRef="#br0" timeOffset="2119">830 410 7007,'3'6'0,"1"-1"597,1-1-230,1-1 1,5-3 0,1 0-1,-1 0-154,-2 0 1,3 0 0,0 0-1,-1 0-131,2 0 0,-3 0 1,2 0-1,0 0-755,-1 0 0,4 0 1,-3 0 672,-2 0 0,0 4 0,-1 1 0</inkml:trace>
  <inkml:trace contextRef="#ctx0" brushRef="#br0" timeOffset="2467">1066 445 8442,'0'9'761,"1"-4"0,1-1-395,1 0 0,4-2 0,-2 2 0,3 0-182,1-2 1,0-1 0,0-1 0,2 0-232,1 0 0,-1-3 0,-1-1 0,1 0-206,0-3 1,1 0 0,-3 0 0,0 2-45,-1 1 1,1-1 279,0 2 0,0 0 86,-1 3 1,-3 4 0,-2 2 0,-3 2 260,-3 4 0,1 2 0,-4 4 0,0 2-84,-2 4 1,-4 4 0,1 1-1,-1 0-223,-1 1 0,4-3 0,-3 2 0,3-5-31,3-4 0,2-1 1,4-2-1,0 0 272,0-3-264,0-1 0,4-4 0,1-1 0</inkml:trace>
</inkml:ink>
</file>

<file path=ppt/ink/ink13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8:25.7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37 418 9470,'-5'1'304,"2"2"-299,2 3 0,0 3 1,-1 0-17,-1 1 1,-1-1 0,3 1 0,-1 0 19,-1 3 0,-3-3 0,2 4 0,-2-1-75,-1-1 1,0 5 0,-1-2 0,2 0 35,-2-3 0,0 2 1,-1-1-1,0-2 13,3 0 0,-3-2 1,3 0-1,-1-2-66,0-1 1,-1-1 0,2 2 0,-3-4-15,0-2 1,2-1-1,1 0 118,-1 0 1,-2-1-1,1-2 3,2-4 1,0-1 0,4-1-1,-1-1-27,1 1 1,0-1 0,0 1 0,-1-1 7,0 1 0,2-1 0,1 1 0,0-1-1,0 1 0,0-1 0,0 1 1,0-1 0,0 4 58,0 0 27,5-1 0,0-1-42,4 2 0,-2-2 1,-1 5-12,1 1 0,-1 1 1,0 1 10,1 0 0,-1 0 0,0 1 81,1 2 1,2 2-47,0 5 1,1-1 0,-2 1 0,-1-1-15,0 1 0,-5-1 0,2 1 0,-1-1 9,0 1 1,2 1-1,-3 1-117,1 0 0,3-4 0,-2 4 0,1-4-146,-1-2 0,2-3 0,-2 3-241,2-2 0,0-1 0,3-3 0,1 0-300,-1 0 726,1 0 0,4-4 0,0-1 0</inkml:trace>
  <inkml:trace contextRef="#ctx0" brushRef="#br0" timeOffset="586">408 702 7745,'-5'4'709,"-1"1"0,4 5 1,-1-1-538,1 1 0,1-1 1,0 1-183,-2-1 0,2 1 0,-2-1-117,2 1 0,2-5 0,1-1-389,1 0 1,1-2 0,-1 1-86,4-2 0,0-2 1,0-1 600,0-2 0,-5-3 0,2 2 0,-4-5 0</inkml:trace>
  <inkml:trace contextRef="#ctx0" brushRef="#br0" timeOffset="787">427 484 8612,'-9'1'1117,"3"2"-1261,2-2 0,4 5 1,1-4-1,2 1-2463,3-1 2607,-1-1 0,3-9 0,-3-3 0</inkml:trace>
  <inkml:trace contextRef="#ctx0" brushRef="#br0" timeOffset="1719">673 29 8010,'-6'-3'769,"0"0"-299,4-5 1,-3 6 240,5-4-535,0 4 0,1-2-163,3 4 1,-2 4 0,4 2-1,0 3 69,0 0 0,4 1 1,-1 1-1,-1 3-45,0 2 0,5 7 0,-6-3 0,1 3 37,0 3 0,-3 5 0,1 0 0,-2 0-108,-2-2 0,-1 3 0,-2 1 1,-2-1-157,-3 1 0,-3 2 0,0-4 0,-1 0 1,1-2 1,-1-1 0,1-2 0,-1-2-678,1-1 0,0 0 0,2-6 866,1-1 0,-1 2 0,-2-3 0</inkml:trace>
  <inkml:trace contextRef="#ctx0" brushRef="#br0" timeOffset="2842">872 806 7962,'0'-5'3,"0"0"633,0 2 13,0 2-613,0-4 0,-1 6 115,-2 3 1,2 1-198,-2 4 1,-1 1 0,1-1-31,0 1 0,2-1 0,1 1 26,0-1 0,0-3 0,1 1 29,3 0 1,-2-3 0,4 0-30,1-3 0,2-1 0,0 0-201,1 0 0,-1-1 0,1-2 0,-1-1-336,1-1 0,-5 2 587,-2-4 0,-2 1 0,-1-3 0</inkml:trace>
  <inkml:trace contextRef="#ctx0" brushRef="#br0" timeOffset="3704">891 626 7844,'0'-5'577,"0"1"1,0 5-1042,0 2 0,1-2-858,3 2 1322,1-2 0,4-1 0,1 0 0</inkml:trace>
</inkml:ink>
</file>

<file path=ppt/ink/ink13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8:32.70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9 20 7733,'-4'-5'688,"2"0"116,-5 5-462,5 0 1,-1 0-350,6 0 1,2 0 0,5-1-27,-1-2 1,-2 2-1,-1-2-327,1 2 1,2 1-1,0 0 1,1 0 45,-1 0 1,-2 0 0,-1 0-428,1 0 741,-3 0 0,5 0 0,-4 0 0</inkml:trace>
  <inkml:trace contextRef="#ctx0" brushRef="#br0" timeOffset="322">10 77 7964,'-5'0'763,"1"0"0,5 0-628,2 0 0,2 0 0,5 0-13,-1 0 1,1 0 0,-1-1-1,1-2-359,-1 0 0,1 0 1,-1 3-1,1 0-1109,-1 0 0,1 0 1346,-1 0 0,1 4 0,-1 2 0</inkml:trace>
</inkml:ink>
</file>

<file path=ppt/ink/ink13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8:34.11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 123 7820,'-4'5'938,"3"0"-845,-4-5 0,10-4 1,0 0-1,1-1-61,1-2 0,-1-2 0,3 0 0,1-1-50,-1 1 1,1-1 0,-1 1 0,1 0 43,-1 3 1,0-2 0,-2 1 0,-1 0-147,2 1 1,-4 0 0,0 4 136,0-1 0,-3 1 9,3 5 1,-3-1 0,-1 6 0,0 1 69,0 3 0,0 1 1,-1-1-1,-2 0-51,0 0 1,0-1-1,3-2 1,0 1-511,0-1 1,0 1-1544,0-1 2008,0 0 0,0-3 0,0-2 0</inkml:trace>
</inkml:ink>
</file>

<file path=ppt/ink/ink13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8:35.74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228 6839,'0'6'725,"0"0"-514,0-3 0,0 2 77,0-2-103,0-2 56,0 3-177,0-4 0,0-1-12,0-2 0,1-2 0,1-5 0,2 1-9,1-1 1,-2 0 0,4-2 0,-1-1 3,-1-2 1,4 2 0,-3-2 0,1 1-37,0-1 0,1 3 0,-1 0 0,0 1-1,-1 2 1,-1-1 0,-1 1 6,2-1-131,-2 5 121,0 1 1,-4 5-24,0 2 0,0-1 0,0 4 0,0 2-5,0 0 0,-1 2 1,-1-1-1,-1 2 0,1 1 0,1 0 0,0 3 0,-1-2 13,-1-1 1,-1 2 0,4-2 0,0 0 2,0-2 1,1 0-1,2-1 31,0 1 0,3-4 0,-2-1 85,2 0 0,0-2-50,3-3 1,-2 0-1,-1 0-8,1 0 0,-1-4 0,-1-3 0,0-1 156,0-2 0,-1 1 0,2-2 0,0 0-87,-1-2 0,3-3 1,-4 3-1,0-1-18,0 0 1,3-2-1,-3 3 1,0-1-76,0 0 0,1 2 0,-3 2 0,1 1-578,-1-1 0,-1 4 0,0 1-931,2 1 1,-1 0 1479,5 4 0,-1 5 0,4 0 0</inkml:trace>
</inkml:ink>
</file>

<file path=ppt/ink/ink13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0:21.19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80 1 7816,'-8'0'423,"0"0"295,3 0-141,3 0-140,-11 6 0,5-4-74,-7 3 1,5-2-266,1 2 0,4-2 0,-5 7-87,-2 2 1,4-1 0,0 0 0,0-1 35,0 2 1,0 1-1,-4 3 1,2 2-119,-1 2 1,-2 1-1,-2-2 1,0 4-4,1 0 1,4 5-1,2-4 1,0 4 40,-1 2 0,6-1 0,-2 0 0,4 1-102,1-1 1,5 1 0,1-1 0,4 0 0,6 1 0,-1-2 0,6-4 0,-1-4-349,-1-4 1,7-1 0,-1-2 0,1-3 482,-1-6 0,2 5 0,-4-1 0</inkml:trace>
  <inkml:trace contextRef="#ctx0" brushRef="#br0" timeOffset="563">442 398 7545,'0'-8'650,"1"-4"488,4 7-861,-3 0 0,4 12 0,-4 3 1,1 3-83,2 1 0,5 1 1,-5 1-1,0 2-84,1 2 0,-2 6 1,5-1-1,1 1-99,-2-2 0,5-1 0,-3-5 0,3 2-303,2-2 1,0-4 0,-1-2-132,1-2 1,0-2 0,-1 2-324,1-6 1,-2 0 744,-3 1 0,-3 3 0,-7 7 0</inkml:trace>
  <inkml:trace contextRef="#ctx0" brushRef="#br0" timeOffset="870">398 721 7823,'0'-15'606,"1"1"-383,4-1 1,-2 5-1,7 0 1,2-1 5,1-2 1,6-7-1,2 1 1,2-1-160,3-1 0,-3 0 1,2-4-1,-1 6-16,-1 2 0,3-2 0,-6 1 0,0 3-54,1 4 0,-5 1 0,5-5 0</inkml:trace>
  <inkml:trace contextRef="#ctx0" brushRef="#br0" timeOffset="1307">883 721 6929,'-7'15'920,"5"-5"0,-4-1-623,-1 3 0,6 1 0,-4 2 0,3-1-109,2 1 1,0 0 0,0-1-35,0 1 1,0 0-74,0 0 0,7-6 0,3-1-275,3-1 1,1-2 0,1-5 0,-2-2-528,-3-3 1,3 4-1,-5-6 721,0 1 0,5-2 0,-4-7 0</inkml:trace>
  <inkml:trace contextRef="#ctx0" brushRef="#br0" timeOffset="1491">927 457 8299,'0'-9'974,"-2"3"0,-1 7-992,-2 4 0,0-1 0,7 5 18,3 3 0,3 1 0,6 2 0</inkml:trace>
</inkml:ink>
</file>

<file path=ppt/ink/ink13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0:23.67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0 1 9027,'-5'10'375,"0"0"0,0-1 0,4 6-322,-4 0 0,3-1 1,-3 1-144,3 0 90,2 0 0,7-7 0,1-2 0</inkml:trace>
</inkml:ink>
</file>

<file path=ppt/ink/ink13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0:25.35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5 15 8652,'-8'0'855,"2"0"0,6 7-844,0 2 1,0 5-1,0 0 1,0 1 14,0 0 1,0 4 0,0 2 0,0 1-70,0-1 1,0 0 0,0-3 0,0 2-91,0-2 0,0-2 1,0-1 41,0-1 0,0-4 0,1-2 42,4-1 0,-1-2 1,4-7-1,0-3 75,0-5 0,-3-4 0,5-4 1,1-3 5,2-2 0,0 0 1,-1-3-1,-2 3-53,1 2 1,-3-4 0,0 6 0,0 1-38,1 1 0,0 3-36,6-1 0,0 7 0,0 1 0,-1 2-82,1 0 1,1 0 0,2 5 0,3 0-358,2 0 1,0 0 532,2 0 0,2 7 0,-4 1 0</inkml:trace>
</inkml:ink>
</file>

<file path=ppt/ink/ink13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0:28.6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441 28 7802,'0'-14'508,"0"6"0,0 3 0,0 10 1,2 3-114,3 0 1,3 11 0,7 1-132,-1 6 0,1-1 0,0-1 0,0 2 5,-1 2 1,1 6 0,0 2 0,-2 2-77,-3 3 0,1 6 1,-4 4-1,-1 1-272,1 3 0,-4 3 0,-8 2 0,-6 0-292,-7-1 0,1 2 0,-4-12 1,1-4-357,1-4 0,-1-2 0,7-7 727,3-5 0,-3-1 0,5 4 0</inkml:trace>
</inkml:ink>
</file>

<file path=ppt/ink/ink13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0:30.33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44 324 7830,'7'-8'497,"-6"0"637,4 3-461,-3 3-85,-2-4-534,0 6 1,-2 6-1,-1 4-164,-2 3 0,-1-3 1,2 0-1,-1 1 1,2 2 0,-3 2 0,1-1 1,0 1 88,-2 0 1,6-5 0,-4-1-107,3 3 1,4-1 0,1 1 52,2-2 0,1-7 0,-2 3 0,2-1-60,2 0 1,-3 0 0,5-5 0,2 0-56,1 0 0,-4 0 0,1-2 0,2-3 46,1-4 0,0 1 142,-3-2 0,3 0 0,-5-5 0</inkml:trace>
  <inkml:trace contextRef="#ctx0" brushRef="#br0" timeOffset="287">59 30 7866,'0'-8'711,"0"0"95,0 3 0,6 3-1383,4-3 1,3 4 576,2 1 0,0 6 0,-1 2 0</inkml:trace>
  <inkml:trace contextRef="#ctx0" brushRef="#br0" timeOffset="841">368 265 9995,'6'8'125,"-3"0"0,7-4 0,2 1 10,1-2 1,1-1 0,1-1 0,0 2-409,0 2 1,-1 0-1,1-5 1,0 0-244,-1 0 1,6 0 0,0 0 515,-3 0 0,0 0 0,-2 0 0</inkml:trace>
  <inkml:trace contextRef="#ctx0" brushRef="#br0" timeOffset="1146">382 427 7684,'15'0'496,"0"1"1,-1 3-266,1 1 0,0 0 1,0-5-1,-1 0-469,1 0 0,0 0 1,-1 0-213,1 0 1,0 0 449,-1 0 0,8-7 0,1-1 0</inkml:trace>
  <inkml:trace contextRef="#ctx0" brushRef="#br0" timeOffset="1545">588 148 7776,'0'-15'431,"0"7"-144,0 1 1,0 9 10,0 3 0,-5 3 1,-1 7-100,-2-1 0,3 1 0,-4 1 0,3 4-15,3 4 0,-4-1 1,2 2-1,2-1-143,1-1 1,-3 3 0,1-5 0,0 1-459,3-1 0,1-1 0,1-6 0,3 1 417,0 0 0,8-1 0,-4 1 0</inkml:trace>
  <inkml:trace contextRef="#ctx0" brushRef="#br0" timeOffset="2384">1088 206 6938,'6'-8'413,"-4"0"759,3 3-350,-3 3-156,-2-4-547,0 6 0,0-2 183,0-3 76,0 4-269,0-6 0,-2 7-152,-3 0 0,-3 0-41,-7 0 1,1 2-1,-1 1 1,2 4-23,3 1 1,-3-3-1,3 5 1,-3-1 45,-2-1 0,2 6 1,2-5-1,1 4 32,-1 2 0,2 0 0,1 0 0,2-1 61,2 1 1,-2 5 0,1-1-1,2-1 92,1-2 1,4 4-1,3 0 1,3-2-77,0-2 0,10-1 1,-3-2-1,3-4-145,3-4 0,2 2 1,8-2-1,3-4-859,5-4 1,-3-2 954,-2-9 0,11 2 0,0-9 0</inkml:trace>
</inkml:ink>
</file>

<file path=ppt/ink/ink13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5:21.83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 142 8043,'3'-4'811,"-2"1"4,1 1-102,-2 1-90,0-2-662,0 3 1,-2 1 0,0 1 0,0 1-13,-1 1 0,2 4 1,-1-2-1,-1 1 17,1 1 0,-2 0 1,1 1-1,0 1 27,1-1 1,-1 2 0,3-2-1,0 0-38,0 0 1,0 1 0,0-3-1,0 2-4,0-1 0,3-1 1,-1-1-1,2-1-2,1-1 0,1-2 0,0 2 0,0-2-126,1 0 1,-1-1 0,1-1 0,-1 0-155,1 0 1,-1 0 0,0-1 0,1-1-107,-1-2 437,1-2 0,-1-3 0,0-1 0</inkml:trace>
  <inkml:trace contextRef="#ctx0" brushRef="#br0" timeOffset="264">52 7 7895,'-3'-3'2397,"2"0"-2261,-2 3 1,4 3-137,1 1 0,2-1 0,2 0 0</inkml:trace>
</inkml:ink>
</file>

<file path=ppt/ink/ink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6.40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14 53 7409,'1'-8'-1396,"1"1"1549,0 1 1,2 3 678,-1-3-524,-2 5 0,3-4 354,-4 2 6,0 2-434,0-3 1,1 4 334,2 0-246,-2 0 0,3-1 394,-4-2-93,0 2-362,0-3 0,-1 4-82,-2 0 0,2 1-151,-2 2 0,-1-1 66,1 4 0,-3-3 0,4 3-21,0 0 1,-2-1 0,1 1 0,0 0-13,-1-1 1,2 2 0,-3-1 0,0 3-31,1 3 1,-1-3 0,-3 4 0,1-1-22,0-1 1,-2 2-1,4-1 1,-1 1-25,0 1 0,1 2 0,-2-1 0,3 1-60,0 2 1,0 2 0,2 3-1,-1 0-25,1 1 1,1 3-1,1-4 1,0 0-90,0 0 0,0 0 0,0 1 1,1-2 88,2 0 0,-2-2 1,3-3-1,0 0-271,2-3 0,1 2 0,2-3 0,1-1-1108,1 1 1,0-2 1476,4-2 0,-1 4 0,4 0 0</inkml:trace>
</inkml:ink>
</file>

<file path=ppt/ink/ink14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5:25.84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 39 7993,'3'1'133,"-1"4"1,0 3 1,-2 0 0,0 5-57,0 4 1,0 4-1,0 4 1,-1 2-10,-1 3 0,-1 4 0,-2 2 1,1-1-39,-1-1 0,1 1 0,1-3 0,0-1-85,1-2 0,2-2 1,0-6-1,0-4-14,0-3 0,0-2 4,0-1 0,0-5 26,0-6 1,0-4-1,2-4 1,0-3 14,-1-1 1,0-4 0,-1-2 0,0-2 21,0-1 0,0-3 1,0 0-1,0-1-17,0 0 0,-2-3 0,0 0 0,0 1 30,2 1 0,0 1 1,0 1-1,0 4 42,0 2 1,0 0 0,0 3 0,0 1 50,0 0 1,3 4 0,1 2 0,1 1-22,-1 0 0,4 1 0,-1 1 0,2 2 57,0 0 1,2 1-1,0 3 1,1 0-119,1 1 0,0 3 1,0 0-1,-1 2 1,1 2 1,-1 2 0,0 0 0,-2 1 17,-1 1 0,0 0 0,-3-1 1,0 1 28,-2 0 0,-1 0 0,-3 1 0,0 0 8,0 1 0,-5 2 1,-2-1-1,0-1-52,-3 1 1,2-1 0,-2-2 0,-1 1 4,1-1 1,-2 1-1,2-3 1,0 0-21,2 0 0,1 0 0,2-2 0,2 1 31,0-1 1,1 0 0,2-1 0,0 1-74,0-2 0,2 3 0,3-2 0,0 0-58,2-1 1,3-1 0,2-1 0,-1-1-198,1-2 1,3 3 0,0 0-1,1 0-2030,0-1 2315,2 2 0,-2 0 0,3 4 0</inkml:trace>
  <inkml:trace contextRef="#ctx0" brushRef="#br0" timeOffset="650">443 437 8626,'7'0'237,"-3"-2"1,0-1-234,1 2 0,1-2 1,0 0-1,0 0-4,-2-2 0,1-1 0,-2 0 0,0-1-48,0 1 0,-1-1 1,-2 1 41,0 0 1,0 1-1,-1 2 1,-1 0 11,-2 1 1,-4 2 0,-1 0 0,-1 0 36,-2 0 1,1 3-1,0 2 1,0 2-29,0 1 1,1 4-1,0-2 1,0 2 2,2-2 0,2 3 0,1-2 0,2 3 8,0 0 1,1 2 0,2-2-1,0 1 22,2 0 1,4-2 0,3-1 0,2-1-112,3-2 0,-1-5 1,5-2-1,1-2-201,2-2 0,4-5 0,0-4 0,0-3 264,0-1 0,5-5 0,-4 0 0</inkml:trace>
  <inkml:trace contextRef="#ctx0" brushRef="#br0" timeOffset="1282">796 1 8044,'-4'0'-48,"0"2"1,1 5 0,0 4 0,-1 3 403,1 4 1,1 4-1,-3 4 1,1 5-185,0 5 0,-1 3 0,0 1 1,1-1-78,-1 1 0,0-1 0,3-4 0,1-2-39,0-1 0,1-3 1,0-6-1,1-4-302,1-4 1,-1-4 0,3-2-1,-1-3-1241,1-2 1383,-3-1 0,2-6 1,-4-1-1,0-2 91,-1 0 1,-3-3 0,1 0 0,-3 0 22,-1 0 0,1-3 0,-2 2 0,3 0 238,1 2 1,0-2 0,0 2 0,0 0 13,1 1 1,-2 1 196,2-1 1,1 1-343,-2 2 1,4 1 0,-1 1-24,4 0 1,1 0-1,4 2 1,-1 0-56,1 0 0,2 0 0,2 0 1,1 0-149,1 0 0,-1 0 0,2 0 1,0 0-271,1 0 1,0 0 0,-2 0 0,0 0 378,0 0 0,2 3 0,2 0 0</inkml:trace>
  <inkml:trace contextRef="#ctx0" brushRef="#br0" timeOffset="1847">995 353 8110,'-4'0'164,"0"1"1,1 1-179,2 2 0,-2 2 1,1 1-1,0 2 205,-1 2 1,0 1-1,-1 1 1,1 2 6,0 2 1,2 2-1,-1-1 1,1-1-152,1-2 1,1-3 0,1-2 0,2-1-67,-1-1 0,3-4 1,-1-2-1,2-1-9,2-1 1,-1-1 0,-1-1-1,1-3-111,1-3 1,2-2 0,-2-3 0,0-1-90,0-1 0,1-5 1,-3 3-1,2-1 105,-1-1 1,-1 3 0,-1 2 0,-1 3 66,-1 2 1,-3 2 341,2 1 1,-3 3 0,0 4 0,0 4 22,0 5 1,-2 5 0,-1 1 0,0 1-27,1 1 0,-1 4 0,3-3 0,0 0-151,0-1 0,0 0 1,1-3-1,1-1-526,3-3 1,0 0 0,2-3 0,1-1 393,1-2 0,2-4 0,-1 2 0</inkml:trace>
  <inkml:trace contextRef="#ctx0" brushRef="#br0" timeOffset="2396">1284 366 8432,'3'1'308,"-1"1"0,-1 3-69,-1 3 0,0 2 0,0 3 1,0 0-85,0 2 0,0 1 0,0 2 1,0-2-90,0 0 1,0 0 0,0-2-129,0-2 1,0-4 0,1 0 48,1-3 0,1-2 0,4-4 0,-1-3-4,-2-2 1,2-7-1,0-1 1,2-1-11,0 0 0,-1-3 1,-1 1-1,1 1-18,-1 1 1,0 2-1,1 2 1,-1 1-177,1 1 1,-1 2 0,0 4 0,2 0-425,0 1 0,0 4 645,3 3 0,-1 0 0,3 2 0</inkml:trace>
  <inkml:trace contextRef="#ctx0" brushRef="#br0" timeOffset="2929">1566 353 8053,'-4'4'591,"0"2"-435,1 1 1,-1 5 0,2-1-1,0 1 103,-1 3 0,1 4 0,-1 2 1,0 0-81,1-1 1,2-2 0,0-1 0,0-2-110,3-1 1,0-5 0,4-2-1,-1-2-150,0-2 0,3-2 0,0-3 0,1-3-5,2-3 1,0-4 0,1-4 0,-1 0 15,-2-2 0,4-1 0,-2 1 1,0 1 44,0 2 0,2 2 1,-4 2-1,0 1 70,1 3 1,-3 2-1,1 5 1,-3 1 216,-2 1 1,-1 5 0,-3 7-1,0 4-70,0 5 1,0 3 0,0 2 0,0-2-211,0 1 0,0-3 0,0-2 1,1-3 16,1-2 0,1-1 0,4-4 0</inkml:trace>
</inkml:ink>
</file>

<file path=ppt/ink/ink14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5:30.05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0 109 7922,'-3'-3'-124,"2"0"329,-4 3 1,3 0 732,-2 0-145,2 0-627,0 0 1,2 0-108,0 3 0,0-1 0,2 3 28,3 0 1,0-3 0,2 1 0,0 0-162,1-1 1,0 1 0,3-1 0,0-1-17,2 0 1,1-2-1,2 0 1,0-1-101,0 0 1,3-1 0,-2-1-1,-1 0-323,1-1 0,-4 4 1,1-2 512,-2 0 0,0 3 0,-2-3 0</inkml:trace>
  <inkml:trace contextRef="#ctx0" brushRef="#br0" timeOffset="446">13 237 7101,'-3'0'2119,"-1"0"-1819,2 0 0,2 0-190,0 0 1,1 3 0,3-1-1,1-1 50,1 0 0,0 0 0,2 0-109,3 1 0,-1 0 1,6-2-1,0 0 1,0 0 101,1 0 1,3 0 0,-1-2-1,1 0-343,0 1 0,0-2 0,-1 1 0,0-1 190,0 1 0,1-2 0,-1-2 0</inkml:trace>
  <inkml:trace contextRef="#ctx0" brushRef="#br0" timeOffset="1073">334 0 9257,'7'3'260,"-1"0"0,0 2 0,1-2-88,-1 0 0,1 2 1,1-1-1,1 0-113,1 0 0,-1 1 0,2 1 0,-1 0-76,0 1 1,2-1 0,-1 1-5,1-1 0,1 0 0,-1 1 0,0-1 0,-2 1-175,2-1 1,-3 0 0,0-1 154,0-1 0,-2 0 1,0 3-1,-3-1 0,-1 1 97,-1-1 0,-2 3 0,-1 0 1,-3 1 24,-2 1 0,-6 3 0,0 2 0,-3 0-116,-1 0 1,-3 1-1,-1-2 1,1 1-236,0 0 1,0-2 0,6-3 0,2-3 269,1-1 0,1 3 0,3 0 0</inkml:trace>
</inkml:ink>
</file>

<file path=ppt/ink/ink14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29:34.07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23 9 8515,'-6'0'702,"-1"0"1,5-1-446,-1-2 0,1 2-10,-1-2 0,-2 2-273,-4 1 0,3 0 0,-1 1 38,0 2 0,2-2 0,-1 3-25,-1 1 0,-1-1 0,-2 3 0,1-1 14,0 1 1,0 1 0,-1 2 0,1-1-84,0 0 1,-1 0-1,1 1 1,0-1 42,0 0 0,0 0 0,2 1 0,2-1-28,1 0 0,-2 2 46,3 1 0,0-2 1,3 3-1,0-3 20,0-1 0,1 0 0,2 1 22,3-1 0,2-3 1,2-1-1,2-1 13,0-2 1,7-1 0,-3-1 0,1-1-69,0-2 0,4-2 0,0-4 1,0 1-15,-2 1 0,0-1 0,-1 2 48,1-2 0,-1-1 0,1-1 0</inkml:trace>
  <inkml:trace contextRef="#ctx0" brushRef="#br0" timeOffset="751">519 37 7126,'-9'0'-57,"3"0"318,-1 0 0,4 0 124,-3 0 1,0 0-142,-3 0 1,-1 1-159,1 2 1,3 1 0,1 4-1,0-3-43,0-1 1,2 3 0,-3-1 0,2 2-43,2 2 0,1-1 0,1 1 1,0 2-8,0 0 1,0 3 0,0-1 0,0-1 2,0 0 1,4 0 0,1-4 0,2-1-1,-1-2 1,0 2 0,4-5-1,2-1-7,0-1 0,1-1 0,-1 0 0,0-1-41,-1-2 1,3-3-1,-1-6 1,0-1 36,1-2 1,-2 1-1,-3-2 1,0 0-5,-3 0 1,-1-2 0,-3 1 0,1 0 53,-1 2 1,-4 4 0,-3-2 0,-2 4-150,-4 3 1,-4 2 0,0 4 0,-3 0-41,0 0 1,-1 1 0,2 1-1,1 2 86,4 1 0,1 1 0,3 3 0,2 1-104,3-1 1,2 0-1,1 0 1,1 1 170,2-1 0,6 0 0,6 0 0</inkml:trace>
  <inkml:trace contextRef="#ctx0" brushRef="#br0" timeOffset="1719">778 9 9373,'-3'10'124,"0"-1"1,0 0-1,2 1 1,-1 2-31,-1 0 0,0 0 0,3-2-80,0-1 1,0 0-45,0 0 1,4 0-119,2-3 0,2-2 0,1-4 0,1 0 0,-1 0 0,0 0 0,0-1 54,1-2 1,-1 1 0,0-4 0,0-2-79,1 0 1,-1-1 0,0 1-1,-1 1 249,-1 0 1,1 2 508,-2-1-291,-2-2 1,0 11-1,-4 0-103,0 4 1,0 2-1,0 1 1,0-1-48,0 0 0,0 0 0,0 1-124,0-1 0,0-3 0,1-1-113,2-1 0,3-2 0,3-4 37,0-1 0,1-4 0,2 1 1,0-2-79,-1-2 0,3 0 0,-1-1 0,0-1 52,1 0 0,-1 2 0,-2 1 0,2-1 33,-2 1 1,-1 1-1,0 2 185,-1 3 145,-4 2 1,-1 6-1,-4 4 1,0 4-97,0 2 0,-3 2 1,-1-2-1,0 0-233,0 1 0,1-5 0,3 2 0,0 0-291,0-1 1,1 0 0,2-3-1546,3-3 1883,2-2 0,6-4 0,0 0 0</inkml:trace>
  <inkml:trace contextRef="#ctx0" brushRef="#br0" timeOffset="2264">1361 185 9020,'-5'1'827,"1"2"-707,0 4 0,2 1 0,-3 1 0,1 0-79,2 1 1,-3-1 0,2 0 0,1 0 122,1 1 0,1-1 0,0 0-54,0 0 0,4 1 0,3-2-82,1-2 0,1-2 1,0-4-1,1 0-363,-1 0 0,0 0 0,0 0 0,1 0-216,-1 0 0,-1-4 0,-1-1 0,-2-1 551,0 0 0,2-1 0,-2-2 0</inkml:trace>
  <inkml:trace contextRef="#ctx0" brushRef="#br0" timeOffset="2430">1352 0 7874,'-5'1'329,"2"2"0,3-2 1,3 2-705,3-2 1,2-1 374,2 0 0,-1 5 0,0 0 0</inkml:trace>
</inkml:ink>
</file>

<file path=ppt/ink/ink14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29:41.26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 324 9366,'6'0'15,"0"0"0,2 0 0,0 0 105,1 0 1,-3 0-1,0 0-282,2 0 0,0 0 0,1 0 0,0 0-1269,1 0 1431,-1 0 0,0-4 0,0-1 0</inkml:trace>
  <inkml:trace contextRef="#ctx0" brushRef="#br0" timeOffset="365">1 417 8299,'9'0'399,"0"0"1,1 0-383,-1 0 1,0 0-1,0 0 1,1 0 61,-1 0 0,0 0 0,1 0-79,3 0 0,-3 4 0,3 1 0</inkml:trace>
  <inkml:trace contextRef="#ctx0" brushRef="#br0" timeOffset="1966">751 10 7693,'0'-5'1010,"-1"0"-609,-3 5-178,3 0 0,-4 0-144,2 0 113,2 0-119,-7 0 0,3 5-12,-4 1 0,2-1 1,1 1-7,-1 1 0,-1 0 1,0 1-1,0-2-24,2 1 0,1-2 0,-2 1 0,1 2-8,-2 0 0,3 1 0,-1 0 1,-1 1-17,-1-1 1,-1 0 0,2 0 0,1 1-8,-1-1 0,0 0 1,0 0-1,0 1-40,0-1 1,0 0-1,0 1 1,2 2 18,0 0 0,-1 0 0,3-2 1,0-1-30,-1 0 1,3 0 0,-3 2 0,1 0 7,0 1 0,0 1 0,3-3 0,0 1 35,0 2 0,0-1 0,0-3 0,0 2 15,0 1 0,0-2 0,1 2 0,2-1 27,3-2 1,2 0 0,1 1 0,2-1 9,1 0 1,-1-3-1,4-1 1,-1-1-62,1-1 1,-3-2 0,2-1-1,1 1-285,-1 2 1,-2-2 0,3 2 0,-1-2-346,1-1 0,-4 0 646,1 0 0,3-4 0,-1-1 0</inkml:trace>
  <inkml:trace contextRef="#ctx0" brushRef="#br0" timeOffset="3221">1037 204 7317,'0'-6'-1055,"0"0"1337,0 4 1,-1-2 168,-2 4 0,1 0-181,-4 0 1,3 0-94,-3 0 0,3 0 0,-3 1-39,-2 2 0,3-1 0,-1 4-159,-1 1 0,2-2 1,-1 1 40,-2 2 1,1 0 0,0 1 0,1 0-19,-1 1 0,2-1 0,-2 1 0,1 2-29,1 0 1,0 1-1,3-1 1,-1 0 32,1-1 0,-2 3 0,0-1 0,2 0-9,1 1 0,1 1 0,1-2 0,1 1 20,2-1 1,3 0-1,-1-4-28,2 0 0,1 0 0,1 0 1,-1-2 30,0-1 0,0-4 0,1 1 0,-1-2 1,0-1 0,0 0 0,1 0 0,-1-1-16,0-2 0,0-1 0,1-3-6,-1 0 0,0-1 1,-1-3-1,0 2 3,-2 0 1,-1-4 0,2 3 0,-1-4-62,2-2 0,-3 0 0,0-2 1,0 2 17,0-1 1,-3-2 0,1 2 0,-2-1 106,-1-1 1,0-4 0,0 7 0,-1 0-27,-2-2 0,-2 2 0,-5-1 0,-2 3-11,0 0 0,-1 6 0,0 5 1,-1 2-28,0 1 1,-4 1 0,3 3 0,-2 4-39,2 4 0,1 0 0,5-2 0,1 2-229,2 0 0,-1 0 1,4-2-1,1-1-528,5 0 793,2 0 0,4 1 0,0-1 0</inkml:trace>
  <inkml:trace contextRef="#ctx0" brushRef="#br0" timeOffset="4347">1241 519 7630,'-5'5'1091,"1"-1"-977,4-4 0,1 0 0,1-1-20,1-2 1,4-2 0,-2-4 0,2-2-27,-1-1 1,1-2 0,4-5 0,2 1-40,-2-1 0,2 0 0,1 0 0,-1-3 33,0-2 0,1 0 1,-3 0-1,1 2-102,0 1 1,-2-1-1,-1 0 1,0 1-28,1 2 0,-4 2 0,-1 4 1,-1 4 64,-2 1 0,-1 2 93,-1 0 0,0 5 0,-1 1-81,-2 5 0,1 5 0,-4 1 0,0 2 6,1 2 1,-4 1-1,3 5 1,-1 0-3,1 0 1,-1 1 0,3 1 0,-1 0-13,1-1 0,1 0 0,3-5 1,0-1-20,0-4 0,4 2 1,3-3-20,1-3 1,1 0 0,0-5 0,0-1 29,1 0 0,2-7 0,1-1 0,1-2-73,-1-1 1,1-5 0,-3 0 0,2-1-12,2-1 1,-4-1 0,2-4-1,0 2 25,-1-2 1,0-3-1,-2 3 1,-1 0-33,0 2 1,0 0 0,0 2 239,-3 1 1,1 3 161,-4 4 1,0 4 0,-4 5-99,-2 6 1,1 6 0,-4 3 0,0 3 37,0 0 1,-1 2 0,3 1 0,-1 3 30,-2 0 0,2 3 0,0-4 1,0 1-286,3-3 0,1 2 0,1 0 0,0-2-432,0-1 0,0 0 1,1-5-1,2-1-1220,4-1 1661,1-3 0,1-1 0,0 0 0</inkml:trace>
</inkml:ink>
</file>

<file path=ppt/ink/ink14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0:53.19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26 39 7361,'0'-4'3070,"0"1"-2955,0 3-77,0-3 1,0 2-104,-3-1 36,2 1 46,-2 1-27,3 0 1,-2 1-91,0 1 0,-4 2 0,2 3 76,0 0 0,1-2 1,1-1-1,-1 2 6,-1 0 0,0 1 1,-1 0-1,1 0-31,1 0 0,-2 0 0,2 0 0,0 1-40,0 1 1,-3 0 0,2 2 0,0-1 38,-1 1 0,1 0 0,-1 2 1,1 0 41,1-1 0,-2 3 0,3-3 0,-1 1 14,0 1 1,2 0 0,-1 0-1,0 0 66,0 0 1,1 0 0,-1 0 0,1-1-12,1-1 1,0 1-1,1-2 1,1 1-30,0 0 0,3-3 0,-2 2 0,1-1-68,1-2 0,1 3 0,1-2 0,0 0-116,-3 1 1,2-1 0,-2 2 0,1-1-253,0-1 1,-1 1 0,1-1 403,0 0 0,-1 1 0,3 1 0</inkml:trace>
  <inkml:trace contextRef="#ctx0" brushRef="#br0" timeOffset="1038">295 312 7936,'0'-5'964,"0"1"-688,0 2 1,2 5-1,0 4-113,0 0 1,1 3-1,0 1 1,1 1-95,1 0 1,-1 3-1,1-3 1,0 1-18,-2 1 1,4-1 0,-3 0 0,3-2-281,0-1 1,0 2 0,0-3 0,0-1-67,0 0 1,-1-1 0,-1-1 0,0 0 293,0-1 0,2-1 0,0 3 0</inkml:trace>
  <inkml:trace contextRef="#ctx0" brushRef="#br0" timeOffset="1362">267 501 9320,'6'-1'341,"0"-1"1,0-3-258,2-1 0,1-1 0,1-1 0,1-1-145,3-3 0,0-1 1,2-2-1,1 0-197,1-2 1,1-2-1,2 0 1,-1 0-589,-1 0 0,0 2 846,-3 3 0,1 0 0,-3 0 0</inkml:trace>
  <inkml:trace contextRef="#ctx0" brushRef="#br0" timeOffset="1798">582 508 8574,'-5'3'482,"1"2"1,1 1-317,2 1 0,-3 0 0,2 0 0,1 0 9,0 0 1,1 0 0,0 0 0,0 0-309,0 0 1,3-2 0,2-1-161,1-1 1,1-1 0,0-2-1,0 0-339,0 0 0,0 0 632,0-3 0,3-4 0,1-4 0</inkml:trace>
  <inkml:trace contextRef="#ctx0" brushRef="#br0" timeOffset="1982">596 375 7875,'-3'-4'2459,"2"-2"-2233,-2 5 0,5-1 0,1 4-226,1 3 0,1 1 0,2 1 0</inkml:trace>
  <inkml:trace contextRef="#ctx0" brushRef="#br0" timeOffset="2536">897 529 8481,'-4'3'1481,"1"1"-1266,3 3 0,-2 0 1,-1 0-191,2 0 0,0 0 0,1 0 0,0 0-25,0 0 0,3-3 0,1-1 0</inkml:trace>
  <inkml:trace contextRef="#ctx0" brushRef="#br0" timeOffset="3455">1065 361 7950,'0'-5'225,"0"1"487,0 2-411,0-1-284,0 3 1,0 3 1,0 2 0,0 1 0,0 2 0,0 0-74,0 2 1,0 2-1,0-2 1,0 0 17,0 0 0,-1 2 1,0-3-1,-1-1-32,0 0 1,1-1-1,2-1-32,1-1 1,0-2-1,3-3 131,0 0 0,0-3 0,2-2 1,-2-3-8,1-1 1,4-3 0,-3 2-1,0 0 26,1 0 0,-1-2 1,1 2-1,1-1-47,0-2 1,0 3 0,-4 1 0,0 2-119,0 2 0,1 0 1,1 2-949,0 2 1064,0 0 0,0 7 0,0 2 0</inkml:trace>
  <inkml:trace contextRef="#ctx0" brushRef="#br0" timeOffset="3819">1296 487 7895,'-4'7'-24,"-1"0"1,4-2 0,-3 0 0,2 0 336,0 1 1,-3 4-1,3-1 1,0 0-148,1-2 0,1 0 0,0 0 1,0 0-142,0 0 0,4 0 1,0-2-1,2-1 10,1-1 1,-2 0 0,0-1 0,0 0-466,1 0 1,1-4 0,0-1 0,0-1 429,0-1 0,0-2 0,0 0 0</inkml:trace>
  <inkml:trace contextRef="#ctx0" brushRef="#br0" timeOffset="4244">1331 382 7902,'-7'-3'1386,"4"2"1,-1-1-1080,4 4 0,4-1-307,0 1 0,2 2 0,1 0 0</inkml:trace>
  <inkml:trace contextRef="#ctx0" brushRef="#br0" timeOffset="4826">1535 11 7922,'0'-5'421,"0"0"1,2 5 0,1 0-60,1 4 1,1 2 0,2 2-33,0 1 1,0 2 0,0 4 0,2 3-62,0 3 0,0 7 0,-4 2 0,-3 3-160,-1 2 1,-2 7 0,-1-2-1,-4 1-237,-2 0 0,-3-1 0,-4 1 1,-1-3-327,0-2 454,0 4 0,-2-8 0,1 6 0</inkml:trace>
</inkml:ink>
</file>

<file path=ppt/ink/ink14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00.86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8 161 7921,'-4'3'-334,"-1"-1"1,3 1 0,-1-1 607,0 0 1,2 1 314,-1-1 247,-2-1-488,3 2 0,-2-2 328,3 1-652,0-1 1,1 2-58,1-6 1,0 2-1,3-4 1,0 0-9,1 1 1,1-4 0,0 1 0,0-2 19,0-1 1,1 0-1,1-2 1,1 1 32,1 1 0,-3-3 0,2 2 0,0 0-6,-1-1 1,0 3-1,-2 0 1,0 1-7,0 1 0,-2 2 38,0 1 86,-4 2-116,2-1 0,-3 4 12,0 1 0,0 5 1,0 4 4,0 0 1,0-1 0,0-2 0,1 1 41,2 3 1,-3-1 0,3 1 0,-3 0-36,0 1 1,3 0 0,-1 0 0,0-2-58,2-1 0,-3-1 0,4-2 0,0 0-107,-2 0 1,4 0-1,-3-2-101,3 0 0,-3-4 1,1 2-789,0-3 0,-1 0-261,1 0 1282,-4 0 0,3 0 0,-4 0 0</inkml:trace>
</inkml:ink>
</file>

<file path=ppt/ink/ink14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07.83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24 7 8570,'4'-3'1806,"-2"2"-1105,-4-1-900,1 1-150,-2 1 0,3 1 403,0 1 1,-1 0 0,0 2-43,-1 2 0,-3 2 0,3 2 1,-1-1-35,0 1 0,-1-1 0,-3 3 0,0 0-57,0 1 1,0 1-1,0 0 1,1-1-39,1-1 1,-1 1-1,1-3 1,0 0 55,0 0 1,-1-1 0,1-2 0,0 0-15,0 0 1,-1 0 0,1-2 0,-1-1-4,-1-1 1,0 2-1,0-3 70,0 0 1,0-2 0,0 0 0,1 0-16,1-3 0,-1-1 0,1-5 88,-1 0 0,1-1 1,1 3-1,1-2 5,-1 0 1,1-1 0,-1 3 0,1 0-50,2 0 0,0 0 0,1 0 11,0 0 1,0 3 0,1 0 16,1 1 1,2-2 0,3 3 46,0 0 0,0-1 0,1 1-38,1 0 0,1-1 1,2 1-1,-3 0 47,-1 1 0,-1 1 1,0 0-1,0 0-2,0 0 0,-2 0 0,-1 1 0,2 1 25,0 0 1,-1 3 0,-1 1 0,1 2-104,-1 1 1,2 3 0,-2 0 0,1 0-7,0 0 0,-2 1 0,3-2 1,-1 0-630,0-1 0,1-1 1,2-1-1,0-2 610,-1 0 0,4 0 0,-3 1 0</inkml:trace>
  <inkml:trace contextRef="#ctx0" brushRef="#br0" timeOffset="880">336 273 7691,'0'-4'2899,"0"1"-2684,0 3 0,0 3-176,0 2 0,-2 1 0,-1 1 1,0 0 31,0 0 0,0 3 0,1-1 1,0 0-149,0-2 0,1 0 1,1 0-1,0 0-85,0 0 0,3-2 1,0-1-1,1-1-89,1-1 1,1-2-1,1 0 1,0 0-147,0 0 0,0 0 0,0-3 1,0-1-1023,0-3 1419,0 4 0,-3-7 0,-1 2 0</inkml:trace>
  <inkml:trace contextRef="#ctx0" brushRef="#br0" timeOffset="1044">357 98 8343,'-4'0'459,"-1"0"0,3 0-11,-3 0 1,3 1 0,0 1-1016,1 3 0,1-1 0,1 0 567,1-1 0,2 2 0,3-1 0</inkml:trace>
</inkml:ink>
</file>

<file path=ppt/ink/ink14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11.12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2 28 9384,'-4'0'1437,"1"0"0,3 0-1420,3 0 0,1 0 0,3 0 0,0 0-119,0 0 0,0 0 1,0-1-1,0 0-173,3-1 0,-2-1 0,3 3 0,0 0-222,0 0 0,-2-2 1,2-1-1,0 0-1439,0 0 1936,-2 0 0,1 0 0,-3-1 0</inkml:trace>
  <inkml:trace contextRef="#ctx0" brushRef="#br0" timeOffset="463">1 119 8187,'0'4'502,"0"-1"0,0-3 1,3 0-186,1 0 0,0 0 0,1 0 0,0 0-51,2 0 0,0 0 1,0 0-1,0 0-116,0 0 0,3-1 0,1 0 0,0-1-444,1 0 1,-3 1-1,3 1 1,0 0-198,2 0 1,0-1 0,-1 0 490,-1-1 0,1-4 0,-2 2 0</inkml:trace>
</inkml:ink>
</file>

<file path=ppt/ink/ink14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12.81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8 15 8343,'-1'4'244,"-1"-2"653,1-1-549,-2-1 0,4 0-40,1 0 0,3 0 1,3 0-174,2 0 0,0 0 1,-1 0-1,3 0-141,1 0 1,2 0 0,1 0-1,3 0-134,1 0 0,1 0 0,1 0 0,0 0-96,2 0 1,1 0 0,0 0-1,-1 0-914,0 0 0,-1-3 1150,-2-2 0,3-1 0,1-1 0</inkml:trace>
  <inkml:trace contextRef="#ctx0" brushRef="#br0" timeOffset="696">134 120 8183,'-4'0'793,"1"0"0,3 5 0,0 3 0,0 2-533,0 3 0,0 2 0,-1 3 0,-1-1-65,-3 3 0,1 2 0,0 0 0,-2-1-299,0 0 0,2 0 0,1-4 0,1-1-663,-1-1 1,1 0 0,2-4 0,0 0-461,0-2 1,1-2 1226,1-2 0,2 1 0,3-2 0</inkml:trace>
  <inkml:trace contextRef="#ctx0" brushRef="#br0" timeOffset="1007">260 106 7895,'-6'7'342,"1"0"1,-1 1 0,1 1 0,-1 3-18,-1 1 0,0 4 1,1 1-1,0 1 51,2-1 0,2 0 1,0 1-1,1-3-344,1-1 0,1 1 1,1-1-1,3-3-272,1-1 0,4-2 0,2-2 0,2-1-600,2-1 1,0 1 0,3-4 839,0-1 0,1-6 0,1-3 0</inkml:trace>
</inkml:ink>
</file>

<file path=ppt/ink/ink14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14.87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6 15 8479,'0'-5'1979,"0"1"-1464,0 2 1,-4-1-245,0 3 1,0 0 0,-1 1-183,0 1 0,-1 4 0,-1 5 0,0 2 16,0 1 1,0 5 0,0 1 0,0 2-282,0 4 0,0 0 0,0 1 0,0 1 48,3 1 0,0-1 0,4-1 1,0-2-279,0-1 1,6-1 0,2-2 0,2-1-367,2-1 1,2-2 0,0-3 0,3-2 771,1 0 0,3-4 0,0 2 0</inkml:trace>
  <inkml:trace contextRef="#ctx0" brushRef="#br0" timeOffset="1075">281 302 7838,'0'-4'1230,"0"1"0,1 3-1070,1 0 1,-1 3-1,4 2 1,0 1-105,-1 1 0,2 1 0,-1 1 1,1 2-301,1 0 0,0 0 0,0-2 1,-1 0 52,-1-1 0,1 0 0,-1-1 0,1-1-818,1-1 0,0 1 1009,0-4 0,0 0 0,0-2 0</inkml:trace>
  <inkml:trace contextRef="#ctx0" brushRef="#br0" timeOffset="1374">253 449 7604,'7'-7'94,"-2"0"1,1 0-1,2-1-184,0-1 1,3-1 0,1-2 0,1 0-57,1-1 1,0 0 0,0-1 0,0 1-192,0 1 1,-2 2 336,-1 3 0,-2-3 0,1-1 0</inkml:trace>
  <inkml:trace contextRef="#ctx0" brushRef="#br0" timeOffset="1828">477 428 7876,'0'4'530,"-1"2"-276,-1-1 1,-1 1 0,-2 1 0,3 0-69,1 0 0,-1 3 1,-1-1-1,2 0-83,0-2 1,1 0 0,0 0-203,0 0 1,3 0 0,2 0 0,1-3-53,1-1 1,0-3 0,0 0-95,0 0 1,0 0 0,0-2-1,0-1-830,0-1 0,-1-1 1075,-1-2 0,1 0 0,-2 0 0</inkml:trace>
  <inkml:trace contextRef="#ctx0" brushRef="#br0" timeOffset="1999">498 344 7964,'0'-7'207,"0"4"1,1 2-275,1 3 67,-1 3 0,5-4 0,-2 2 0</inkml:trace>
</inkml:ink>
</file>

<file path=ppt/ink/ink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9.5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315 7931,'5'-1'-108,"-2"-2"512,-2 2 9,-1-3-237,0 4 0,0 4-82,0 2 0,0 2 0,0 1 0,0 3-36,0 3 0,0 2 1,0 4-1,0 2-74,0 2 1,0-2 0,0 1 0,0-1 7,0-1 0,-1 0 1,-1-5-1,-1 0-66,1-3 0,1 2 0,1-5 0,0 0-3,0-1 1,0-4-99,0-1 94,0-3 1,0 1 0,0-6-1,0-3-21,0-5 0,0 0 0,0-2 0,0-1 32,0 0 1,0 0 0,0-5 33,0-1 0,1 2 0,1-3 0,2 3 0,0 0 16,-1 1 0,1 2 0,-1 2 0,2 0 140,0 2 0,2 2 0,-3 0 40,1 0 1,-1 3-1,3 2 1,-1 0-3,1 2 0,-2 1 0,0 1-10,2 0 1,-2 1-1,1 2-57,1 2 0,-3 0 1,-1 1-5,-2 1 1,-1-2-1,0 1-21,0 0 0,-1 1 1,-1 0-1,-2-2-208,-1-1 0,-1 2 0,-3-4-72,1 0 0,2-1 0,0-1 0,-1 0-4,-1 0 0,3-3 0,-1-1 0,0-3-31,1-3 0,-2-3 1,4 1-1,1 0 32,1 0 0,1 2 0,1-2-10,2 3 1,-1 3-1,4 1 227,1 1 0,5 1 0,1 3 0</inkml:trace>
  <inkml:trace contextRef="#ctx0" brushRef="#br0" timeOffset="638">263 62 8090,'0'-9'-1295,"0"0"1592,0 0 1,0 4 0,1 0 2182,2 1-1919,-2-3-229,3 6 39,-4-7 202,0 7-727,0-3 0,0 8 0,0 2 0,0 2 161,0 1 0,0 2 1,0 3 116,0 2-108,0 4 0,-1 6 1,-1 0-1,-2 1 25,-1-1 1,0 2 0,-1-2 0,4-4 19,1-2 0,-2-4 1,0 0-1,1-3-122,1 0 1,1-4 0,0-3 0,1-1-65,2 0-1,-1 0-76,4-2 1,-1-3 124,4 0 1,0-4 0,0-5 0,-1-2-51,1-1 0,0 0 1,-1 1-1,1-2-126,0 0 0,0 1 0,-1-2 0,1 2-314,0 1 0,-3 1 1,0 3 566,0 1 0,-2-2 0,0 3 0</inkml:trace>
  <inkml:trace contextRef="#ctx0" brushRef="#br0" timeOffset="879">307 341 8090,'0'6'0,"0"0"488,0 1 0,0-2 0,0 0 17,0 2 0,3-2 0,1 0 1,0 0-871,3 0 0,1-3-219,1 0 0,-1-1 0,1-1 0,0 0 584,0 0 0,-1 0 0,1 0 0</inkml:trace>
  <inkml:trace contextRef="#ctx0" brushRef="#br0" timeOffset="1073">482 437 8256,'-5'4'854,"1"1"0,4 4-1021,0 0 0,0 3 0,0 2 0,0-1 167,0-1 0,0 6 0,0 0 0</inkml:trace>
</inkml:ink>
</file>

<file path=ppt/ink/ink15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17.81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575 7220,'0'-3'889,"0"3"1,0 4-568,0 2 1,0 1-1,0 0 1,-1 0-291,-1 0 1,1 3 0,-1 0 0,1 0-95,1 0 0,0-1 0,0-2 0,0 0 62,0 0 0,3 0 0,1 0 0</inkml:trace>
  <inkml:trace contextRef="#ctx0" brushRef="#br0" timeOffset="642">147 379 7852,'0'-4'-33,"1"1"885,1 3-644,-1 0 0,2 1 1,-3 1-1,0 3-110,0 1 1,0 2-1,0 0 1,0 3 11,0 0 0,0 0 0,0 3 0,0-1-124,0-1 0,0 1 0,0-4 1,0-1-79,0 0 0,0-1-97,0 0 0,3-3 96,2-2 0,-1-2 1,1-2-1,-1-3 76,0-1 0,2-3 0,-1-1 1,1 0-66,1 0 1,0-2 0,-1 2-1,-1-1 65,1-2 0,1 3 0,-2 0-329,1 0 198,1 2 1,0 0 0,1 5 0,1-1-157,0 0 0,0 2 0,-1 0 0,2 1 304,1 1 0,-1 3 0,4 1 0,-4 3 0</inkml:trace>
  <inkml:trace contextRef="#ctx0" brushRef="#br0" timeOffset="1447">371 526 9383,'0'7'160,"0"0"0,0 0-27,0 0 0,-2 0 0,0 1 0,0 1-93,1 0 0,-1 0 0,0-2 0,0 0-57,1 0 0,2-2 0,2 0-54,1 0 1,2-2-1,1 0-186,0-3 1,4 0 0,-1-3 82,-2-1 1,2-3 0,-6 0-1289,3 0 1462,-4 0 0,4-3 0,-3-1 0</inkml:trace>
  <inkml:trace contextRef="#ctx0" brushRef="#br0" timeOffset="1730">392 435 8578,'-3'3'-144,"0"2"1,2-1 0,2 0 143,2-1 0,0 2 0,4-1 0</inkml:trace>
  <inkml:trace contextRef="#ctx0" brushRef="#br0" timeOffset="2480">666 8 8008,'1'-4'445,"1"2"0,-1 1 0,3 2 0,0 2-58,0 4 1,1 3-1,2 5 1,0 0-13,0 2 1,1 5 0,0 2 0,-2 5-170,1 4 1,-4 2 0,-1 1 0,-1 2-196,-1-2 0,-1-1 0,-1 0 0,-4-2-168,-2 1 1,-1 0-1,-3-5 1,1-1-491,0 0 1,-2 0 0,4-5 0,0 0-2193,-1-2 2839,2-3 0,-2-1 0,3-3 0</inkml:trace>
</inkml:ink>
</file>

<file path=ppt/ink/ink15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36.44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2 111 7740,'-5'-1'2202,"2"-2"-1575,2 2-33,1-3-296,0 4-211,0-4 1,1 3 113,2-2 1,-1 2-273,4 1 0,0 0 48,3 0 1,0 0-1,0 1 30,-3 2 1,2-2-1,-2 3 20,2 0 1,2-2 0,-1 3 0,0 1-69,0-1 0,0-3 1,1 2-1,-1-1-93,0 0 0,0 4 0,1-2-107,-1 0 1,-3 4 159,0-3 1,-4 2-1,1 1 28,-2 0 0,-1 1 0,-1-1 0,-2 0-4,-3 0 1,-2 4 0,-1 0 0,-2 0-54,-1 1 0,1 2 0,-5-1 1,0 3-30,-1 0 1,-2 1-1,2-1 1,0 0 25,2 1 0,1-1 0,-2 1 0,4-2 88,2-1 1,0 0-1,1-3 1,0 1 152,0-1 1,3-1-1,1-3 74,0 1 0,2-1-118,3 0 0,1 0 0,2 0 21,4-3 1,2-2-1,2-4 1,2 0 195,2 0 1,0 0 0,4 0-1,-1 0-134,0 0 1,5 0 0,1-1-1,0-1-113,1-1 0,-2 0 0,3 3 0,-2 0 66,-2 0 1,0 0-1,-3 0 1,2 0-1064,0 0 0,1 0 943,-4 0 0,0 4 0,1 1 0</inkml:trace>
  <inkml:trace contextRef="#ctx0" brushRef="#br0" timeOffset="956">65 56 7951,'5'-9'881,"-1"4"-244,-4 1 0,1 4-458,2 0 0,-1 0 0,4 0-274,2 0 1,0 0-1,1 0 143,0 0 1,2 0 0,0 0-1,1 0-20,-1 0 1,3-3 0,-1-1 0,1 1-47,3-1 0,-1 3 0,2-3 0,-2 1-68,0 0 1,4 0 0,-5 3 0,3-1-11,0-2 0,-3 2 1,1-2-1,-1 2-27,-1 1 0,0 0 0,-5 0 1,0 0-82,0 0 1,1 0 0,-1 0 42,0 0 0,-3 0 45,0 0 327,-4 0-79,3 0 389,-5 0-273,0 0 0,1 3 1,1 1-1,1 1-167,-1 2 1,-1 1-1,-1 2 1,0-1-79,0 0 1,0 0-1,0 0 1,0 1-104,0-1 1,0 0 0,0 0-1,0 1-280,0-1 0,0 0 1,1-1-443,2-2 0,-2 3 0,2-3 822,-2 2 0,-1 5 0,0 2 0</inkml:trace>
  <inkml:trace contextRef="#ctx0" brushRef="#br0" timeOffset="1403">517 453 8592,'4'0'1737,"-3"1"-1545,-3 2 0,-2 3 0,2 5 1,-1 2-432,1 2 0,1-3 0,1 2 0,0 1-1130,0-1 0,0-2 1369,0 4 0,4-1 0,1 4 0</inkml:trace>
</inkml:ink>
</file>

<file path=ppt/ink/ink15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39.69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59 1 8322,'-6'0'684,"1"3"-681,2 0 0,2 4-4,-2-1 0,-1 2 1,0 1 26,-1 1 0,2-1 1,-2 0-1,-1 1-71,1 3 0,2-3 1,-3 3-1,-1 0-29,-1-1 0,2 3 0,-1-2 0,0-2 23,-1-1 0,2 2 1,0 1-1,0-2 36,1-1 1,-4-4 0,4 0-1,-1 1 6,0-2 1,1 0 0,-2-3-1,0 1 19,0-1 1,2-1-1,-1-1 15,-1 0 0,0-4 0,0-2 0,1-2-22,2-2 1,-2 1 0,2 0 0,0 0-46,0-1 0,-2 1 0,2 0 0,-1 0 8,1 0 1,1-1-1,3 1 1,0 0-1,0 0 1,0-1-1,0 1-79,0 0 1,0 3-1,0 0 125,0-1 1,1-1-1,1 1 6,1 1 0,2 4 1,-2-1 83,3 2 0,-1 1 1,1 0-13,1 0 1,-2 0 0,2 1 19,0 2 1,-2-1 0,1 3-1,0 0-24,-1 0 0,2 2 0,-3 2 0,1 0-13,-1 0 1,2 0 0,-2 2 0,0 0 28,0 1 0,2 4 0,-2-3 0,0 0-81,1 1 0,2 1 0,-2-3 0,1 0-89,0-2 0,-1-1 1,2 0-1,0 0-1,0 1 0,1-5 1,2-2-1,1-2-1247,2-1 1316,3 0 0,-1 0 0,3 0 0</inkml:trace>
  <inkml:trace contextRef="#ctx0" brushRef="#br0" timeOffset="587">480 286 8622,'-6'5'371,"1"1"1,0 2-309,3 1 1,0 0 0,0 1 0,-1-1 113,1 0 1,1 0 0,1 0-273,0 1 1,1-2 0,1-1-200,1-1 0,5-4 1,-2 1-240,2-2 0,-2-2 0,0-1-156,1-1 689,-3-4 0,1 2 0,-5-4 0</inkml:trace>
  <inkml:trace contextRef="#ctx0" brushRef="#br0" timeOffset="775">471 74 9082,'-10'0'80,"5"0"0,2 1 1,6 1-81,3 2 0,7 3 0,1-2 0</inkml:trace>
</inkml:ink>
</file>

<file path=ppt/ink/ink15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43.90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 0 7983,'-6'4'1177,"2"-3"-619,4 4-523,0-5 0,1 0 0,2 0 0,4 0-95,1 0 0,1 0 0,1 0 0,2 0-125,0 0 1,3 0-1,-2 0 1,-1 0-56,1 0 0,-3-3 0,3-1 1,-3 2-30,-1 1 269,-4 1 0,3 0 0,-2 0 0</inkml:trace>
  <inkml:trace contextRef="#ctx0" brushRef="#br0" timeOffset="429">10 139 8309,'6'0'851,"0"0"-779,1 0 1,1 0 0,1 0 0,1 0 0,-1 0-198,0 0 1,3 3 0,2 0 0,0-1-63,3-1 0,-1-1 0,0 0 0,-1 0 187,-2 0 0,-1 0 0,-3 0 0</inkml:trace>
</inkml:ink>
</file>

<file path=ppt/ink/ink15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45.33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11 65 7300,'-5'-4'1198,"0"3"-709,2-2 0,1 2-251,-4 1 0,3 0-243,-3 0 1,1 1 0,-3 2-16,2 3 1,1 3 0,-2 3-1,1 1-63,-1 1 0,2 1 1,-1 2-1,1 0 24,0 3 1,2 0 0,-2 0-1,1 0 57,2 2 1,1-1 0,1-1 0,0-1-7,0 0 1,4 1 0,2-5 0,2-1-60,1-2 0,1-2 0,-1 0 1,1-2-21,2-2 0,0-2 1,2-4-1,0 0 71,1 0 1,-3-1 0,2-2-1,0-3 17,-3-2 1,2-2 0,0 0 0,-2-2 13,-1-3 1,-1-4 0,1-1 0,-1-3 296,0 0 1,-4-2 0,-2-3 0,-2 2-106,-1 1 0,0-2 0,0 4 0,-1-1-164,-2 3 1,-3-1-1,-5 3 1,-3 2-246,0 3 1,2 3-1,-4 5 1,1 3-227,1 1 1,-3 4-1,5 2 1,1 4 427,0 3 0,2 10 0,0-2 0</inkml:trace>
</inkml:ink>
</file>

<file path=ppt/ink/ink15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48.24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8 112 7266,'-1'6'298,"-2"0"0,0 0-268,-3 3 0,3-1 0,-2 0 0,1-2 84,2 1 0,-2-2-85,1 1 1,0-3-1,4 2-104,2-1 1,2 0 0,4-4-79,0 0 1,1 0 0,-1 0-40,0 0 1,-3-4 0,0 1 0,0 0 21,0-1 1,1 2 169,-4-4 0,0 0 0,-3-3 0</inkml:trace>
  <inkml:trace contextRef="#ctx0" brushRef="#br0" timeOffset="247">47 10 8049,'0'-5'83,"0"1"1,1 4 0,2 0 0,2 1-1750,0 2 1666,3-2 0,-3 7 0,5-3 0</inkml:trace>
  <inkml:trace contextRef="#ctx0" brushRef="#br0" timeOffset="593">222 75 8765,'0'-5'276,"1"0"1,2 5-432,3 0 1,-1 0 0,1 1 0,-1 2-304,0 0 0,1 0 458,3-3 0,0 4 0,1 1 0</inkml:trace>
  <inkml:trace contextRef="#ctx0" brushRef="#br0" timeOffset="804">194 148 8300,'7'-5'716,"-1"2"-503,1 2 1,0 0 0,0-1 0,-1-1-379,2 1 1,0 1-1,1 1 1,0 0 164,0 0 0,5 0 0,0 0 0</inkml:trace>
  <inkml:trace contextRef="#ctx0" brushRef="#br0" timeOffset="1217">388 158 9273,'6'-3'0,"-1"-2"169,-1 0 0,4 0 0,-2-2 0,2 1-97,1-1 1,0-3-1,1-2 1,-1 3 129,0 1 0,-3-2 0,0 3-645,1-1 380,2-1 0,-3 1 154,0 2 0,-4 6 0,1 6 0,-2 3 2,-1 3 0,-3-1 1,0 2-1,1-1-144,1 0 1,1 4 0,0-4 0,0-1-660,0 0 0,0-2 1,1 0-1447,2 0 2156,2 1 0,4-1 0,1 0 0</inkml:trace>
</inkml:ink>
</file>

<file path=ppt/ink/ink15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50.88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259 6222,'0'5'1640,"0"-1"-1105,0-4-397,0 0 1,0-4 0,0-3-87,0-1 0,3 2 0,0 0 1,0-1-52,1-1 0,-2-2 0,4 1 0,0 0-39,-1 0 1,4-4 0,-3 0 0,1 0-54,-1-1 0,2 1 0,-2 2 0,3-1 45,0 0 0,-3 2 0,-1 1 89,-1 0 173,3 4-81,-6 0 1,3 6-97,-4 3 0,-1 1 1,-1 4-1,-1 0-41,1 0 1,0 1-1,0-1 1,-1 0 7,1 0 1,1 3-1,1 1 1,0-1-14,0 1 1,0-2 0,0 1 0,0-2 17,0-1 1,0-2 0,0-1 15,0 1 0,3-2 0,1 0 119,1-1 1,-2-1 1,4-3 0,-4 0 0,2-1-32,-1-2 1,3-2-1,-2-4-48,0 0 1,2-1 0,-2 1 0,0 0-40,2 0 0,-2-4 1,1 0-1,1 0-56,1-1 1,2-1 0,-1 3 0,0 0-199,0-2 0,0 4 1,-2-2-1,-1 1 108,1 2 0,0 0 0,0 1 117,0 2 0,-1-3 0,3 4 0</inkml:trace>
</inkml:ink>
</file>

<file path=ppt/ink/ink15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1:56.20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24 55 7681,'-3'-4'0,"-2"2"453,1 4 0,1 3 0,3 5-379,0 3 0,0 2 0,0 1 0,0 2 0,2 4 31,1 3 0,-1 0 1,-2 2-80,0 0 1,1 1 0,1-1-1,1-1-26,2 1 0,-3-2 0,3-4 0,1-3-90,1-2 1,1-4 0,-1-2-1,-1-1 55,-1-1 1,0-4-1,3-1 17,0 1 0,-1-4 0,-1 1 0,-2-4 44,-1-1 0,2-4 0,-1-3 0,-1-1 11,1-2 0,1-3 0,-2-3 0,2-1-13,1-3 0,1-2 1,1-1-1,2-2 7,0-1 0,4-5 0,-1 5 1,1 0-185,2 4 1,-2 2-1,0 1 1,-1 3-494,1 2 0,-3 5 646,-1 2 0,2 3 0,0 0 0</inkml:trace>
  <inkml:trace contextRef="#ctx0" brushRef="#br0" timeOffset="404">0 341 8088,'8'-3'200,"2"-1"1,1-4 0,1 1 219,2 2 0,1-2 0,1 3 0,2-1-419,3-1 0,0 5 0,1-2 0,-2 2-743,2 1 0,0 0 742,2 0 0,-1 0 0,0 0 0</inkml:trace>
</inkml:ink>
</file>

<file path=ppt/ink/ink15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2:00.455"/>
    </inkml:context>
    <inkml:brush xml:id="br0">
      <inkml:brushProperty name="width" value="0.06" units="cm"/>
      <inkml:brushProperty name="height" value="0.06" units="cm"/>
    </inkml:brush>
    <inkml:brush xml:id="br1">
      <inkml:brushProperty name="width" value="0.08" units="cm"/>
      <inkml:brushProperty name="height" value="0.08" units="cm"/>
    </inkml:brush>
  </inkml:definitions>
  <inkml:trace contextRef="#ctx0" brushRef="#br0">78 39 8435,'0'-5'-1339,"0"0"1782,0-1-25,0-1-318,0 2 1,0 1 0,-1 2 224,-1 0-79,1-1-273,-3 3 133,4 0 115,-3 0 2,2 0 30,-2 0-689,3 0 326,0 4 54,0-3 54,0 2-345,0-3 365,3 0-10,-2 0-59,2 0 124,-3 0-30,4 0-25,-3 0 90,2 0-74,-3 0-28,4 0-22,-4 0-238,4 0-287,-4 0 1,1 3 540,1-1 0,-1 4 0,3-2 0</inkml:trace>
  <inkml:trace contextRef="#ctx0" brushRef="#br1" timeOffset="942">24 225 9199,'0'-5'1766,"0"3"-1702,0 4 0,0 0 1,0 3-1,-1 1 60,-1 1 1,1-2 0,-2 0 0,1 1-75,0 1 1,1 1 0,-2 0 0,0 0-18,0-1 1,1 1 0,2 0 0,0-1-68,0 1 0,0-3 0,1 1-20,1 0 0,3 0 0,2-1 0,1-3 43,0-1 0,0-1 1,0 0-1,2 0-146,0 0 1,1 0 0,-1-1 0,0 0-516,-1-2 1,2-2 605,0 2 0,3-3 0,-2 2 0</inkml:trace>
</inkml:ink>
</file>

<file path=ppt/ink/ink15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2:02.116"/>
    </inkml:context>
    <inkml:brush xml:id="br0">
      <inkml:brushProperty name="width" value="0.06" units="cm"/>
      <inkml:brushProperty name="height" value="0.06" units="cm"/>
    </inkml:brush>
    <inkml:brush xml:id="br1">
      <inkml:brushProperty name="width" value="0.08" units="cm"/>
      <inkml:brushProperty name="height" value="0.08" units="cm"/>
    </inkml:brush>
  </inkml:definitions>
  <inkml:trace contextRef="#ctx0" brushRef="#br0">24 108 8551,'-6'0'814,"1"0"-327,4 0-461,-3 0 0,8 2 1,1 2-1,2-1 118,0 1 1,2-1 0,0-1 0,3 0-268,0 0 0,1-1 1,2-1-1,0 0-535,1 0 1,-1-1 0,-2-1 657,0 0 0,0-4 0,3 1 0</inkml:trace>
  <inkml:trace contextRef="#ctx0" brushRef="#br1" timeOffset="293">0 224 10893,'8'0'0,"0"0"286,0 0 1,2-3 0,0 1 0,1 0-538,0 1 0,1 1 1,3 0-1,1 0-1883,-1 0 2132,-3 0 1,3 0-1,-3 0 1</inkml:trace>
  <inkml:trace contextRef="#ctx0" brushRef="#br0" timeOffset="960">124 7 8095,'0'-4'76,"0"1"1,-1 6 0,0 2 101,-2 2 1,-2 1-1,1 0 1,0 3-58,-2 1 1,0 3-1,0 1 1,1 2-133,-1 3 0,-1 1 1,0 2-1,1-1-209,1 0 1,3 0 0,0 0 0,1 0-554,1-3 773,0-1 0,7-3 0,1-1 0</inkml:trace>
</inkml:ink>
</file>

<file path=ppt/ink/ink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11.97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 394 8198,'0'-9'1986,"0"5"-1724,0 0 0,0 6 0,0 2-420,0 5 139,-4 2 1,3 2-1,-2 1 71,2 3 0,1-1 1,0 0-1,0-2-53,0 2 0,0-4 0,0 0 0,0-2-15,0-2 0,4-3 0,2-1 15,1 0 0,2-4 1,1 0-1,1-4 15,0-1 0,1-2 0,-3 1 0,-1-2-27,1-1 0,-1 3 1,-1 2-1,-1 0 45,0 2 1,-1-2 0,1 1 1,-3 3 0,2 4 0,-1 1 186,-2 1 1,-1 2-1,0 0-102,1-2 1,0 1-45,4-4 0,0-3 1,3-4 14,0-5 0,-1-6 1,1 1-1,0-2-86,-1 2 0,1-3 0,0 4 0,0-1-45,-1 2 1,0 0 0,-2 0 0,-2 2-1853,0 4 1894,-3-2 0,7 3 0,-4-4 0</inkml:trace>
  <inkml:trace contextRef="#ctx0" brushRef="#br0" timeOffset="277">384 551 8017,'0'6'358,"0"0"0,-2 1-171,-1 1 1,-1 4 0,2 3 0,-1 1-310,1 2 0,1-2 0,1 0 0,0-3 122,0 0 0,4 3 0,1-3 0</inkml:trace>
  <inkml:trace contextRef="#ctx0" brushRef="#br0" timeOffset="1244">751 342 8125,'-5'0'411,"-1"0"0,3 0 1,-3 0-353,-1 0 1,2 3 0,0 1 0,-1 0-63,1 3 1,-3 0 0,2 0-1,-1-1 68,-2 0 1,0 5-1,0 1 1,1-2 40,-1 0 1,3-1-1,0 1 1,0 0 66,2 2 0,-3 2 0,4-2 0,1-1 54,1-2 1,1 3 0,0 0-136,0-2 0,4-1 0,2-2 0,1-2-212,2-1 0,3-1 0,1-3 0,2-1-310,0-2 1,4-2 0,-4-4 0,4 0-1352,1 1 1781,1-1 0,-4-4 0,1 0 0</inkml:trace>
  <inkml:trace contextRef="#ctx0" brushRef="#br0" timeOffset="1605">917 586 8437,'-2'9'0,"-1"0"166,1 0 1,0-1-1,0 2 1,-2 1-131,-1 0 0,3 4 1,-1-3-1,2-1-132,1 2 96,-4-3 0,3 6 0,-2-2 0</inkml:trace>
  <inkml:trace contextRef="#ctx0" brushRef="#br0" timeOffset="2407">1136 307 8080,'-4'-9'473,"3"4"0,-2-2-233,6 4 0,-1 1 0,4 2 1,1 0-100,0 0 1,2 0 0,0 0 0,0 0-37,-1 0 0,1 0 0,0 1 0,0 0-169,-1 2 1,-2 3 0,0-2 0,0 1-229,-1 2 0,1-2 0,-3 0 101,-1 2 1,-1 1 0,-1 1 0,-1-2 116,-2-1 1,1 2 0,-3-1 0,-2 3 31,-1 1 0,-4 1 0,1-3 0,0 0 82,1 3 1,-1-2 0,-1 1 0,1 0-29,2 1 1,1-3 0,1 3-1,1-2 245,-1-2 1,4 1 0,-1 0 203,0 0 1,3-1 0,-2 1-253,2 0 1,5-3-1,2-1-194,1-2 1,2 0-1,0-3 1,0 0-164,-1 0 0,1 0 1,1 0-1,1 0-325,0 0 0,1-1 1,-3-1-1,0 0 473,3 0 0,-2-3 0,2 0 0</inkml:trace>
  <inkml:trace contextRef="#ctx0" brushRef="#br0" timeOffset="2683">1110 455 8086,'-5'0'2431,"9"0"-2160,7 0 1,2 0 0,1 0 0,-1 0-603,1 0 1,-1 0 0,3 0 0,-2 0-852,2 0 1182,-3 0 0,3 4 0,-2 1 0</inkml:trace>
  <inkml:trace contextRef="#ctx0" brushRef="#br0" timeOffset="3442">1416 27 6749,'-1'-9'3670,"-2"1"-1663,2 3-888,-3 1-852,4 4 0,0 1 1,0 2-1,0 3 32,0 1 0,4 6 0,2 3 0,1 2-105,2 2 0,0 4 0,-1-2 0,1 2-92,0 3 1,0 2 0,-1-2-1,0 1-31,-2 1 0,-2 4 0,-4-2 0,0 1-770,0 0 0,-4 0 0,-3 4 0,-2 0-1279,-3-1 0,-6 5 1978,4-5 0,-12 10 0,2-1 0</inkml:trace>
</inkml:ink>
</file>

<file path=ppt/ink/ink16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4:32:04.21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86 8 6870,'0'-5'1718,"0"2"-1491,0 3-21,-3 0-151,-2 0 0,-2 0 25,-1 0 0,0 3 1,0 0-37,1 1 0,-4 1 1,1 1-1,0-2-3,2-1 1,0 3-1,0-1 1,1 0-68,-1 0 0,0 0 0,0 3 0,1 0 14,-1-1 0,0 1 0,0 0 0,2 1 50,0 1 0,0-2 0,4 4 0,0-2 46,1 0 1,1 3 0,0-2 0,0 0 14,0 1 1,4 1 0,2-1 0,2 1 26,3 0 0,2-3 1,0-1-1,3-3-77,2-3 0,2-2 1,5-1-1,1 0-396,3 0 0,2-4 347,-6-1 0,5-2 0,-3-1 0</inkml:trace>
</inkml:ink>
</file>

<file path=ppt/ink/ink16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12:28.58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3 7 7789,'0'-4'1075,"0"2"-285,0 2-801,0 2 11,0-1 205,0 2 60,0-3-228,-3 0 127,2 3-129,-1-2-39,2 1 0,0-1 47,0 1-7,0-1 0,0 3-10,0-2-24,-3-2 0,2 6 0,-3-2-6,2 2 1,2-2 0,-3 1-3,3 0 1,0 0 0,-1 2 5,-1-1 0,1 1 0,-1 0-1,1 1 1,1-1 0,0 2 0,0-1-3,-3 0 0,3-1 1,-2 3-1,1-2-16,1 1 0,0 0 0,1-1 0,0 0 0,1 0 0,1 2 0,-2-2 1,2 0 37,1-1 1,0 0 0,3-1 0,-1 0-17,0 1 0,1-2 1,-1 0-1,1 0 68,-1 0 1,0-2 0,1 1 0,-1-1-38,1-2 0,0 1 0,1-1-47,0 1 1,-2 0 0,2-2 0,0-2-52,-2 0 0,-2-2 0,0 1 0,-1-1 41,-2-1 0,2-1 0,-1-2 0,0-1-142,-2 2 0,0 0 1,0 0 16,0 1 227,0 2-97,0-2 0,0 9 83,0-1 0,0 3 0,0 1-90,0 1 1,2-1 0,1 0 9,1 1 1,-1-1 0,2 0-1,0-1 42,0-1 0,-2 0 0,1 0 0,1-1 7,1 0 1,1-2 0,-1 3 0,0-1 161,1-2 0,-1 2 0,1-1 0,1-1-66,1 0 1,-1-1 0,-1 0 0,-1 0 0,0 0 1,1-3-1,-1-1-62,1-2 0,-1 0 1,0-1-1,-1-2-91,-1-2 1,-2-1 0,2 0 0,-1-1 84,-2 0 1,0-3-1,-1 0 1,-1-1 24,-1 0 0,1 0 1,-4-1-1,0 2-152,0 0 1,-2 1 0,1 3 0,0 2 20,2 1 0,-1 2 0,2 1-1169,-1 2 598,0-2 0,-2 8 0,2 0 0,2 3 614,1 2 0,1 2 0,0 1 0</inkml:trace>
</inkml:ink>
</file>

<file path=ppt/ink/ink16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13:46.61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21 7 7722,'0'-3'334,"0"0"134,0 3 1,-2 1-457,-1 1 1,1-1 2,2 3 1,0-2 0,-2 1-1,0 0 0,-1-2 1,1 3 0,-2 1 1,0-1-1,0-1 1,0 1 0,0 0 0,-2 0 0,2 2 0,-2-2 3,0 1 0,-1-1 1,-1 2-1,0 1-8,0-1 1,-2 1 0,1-1-1,-1 1-15,-1-1 1,-1 3 0,1-1 0,0 0-8,0-1 0,-1-1 0,1 1 1,1-1-5,1 1 0,0-3 0,3 0 0,-1 1 8,1-2 0,2 3 42,-1-2 1,4 0 0,-2-1 104,0 0 0,3 0 192,-2-1-222,1-1 1,1 2 112,0-1-204,0-1-18,0 2 0,1-1 79,1 0 1,-2 1 50,2-1-49,-1-1 1,2 4-59,1-3 1,0 2 0,0-1-22,1 1 0,1-2 1,0 1-3,1 0 0,-1 2 1,1-3-1,1 1-27,1 0 1,-1 2-1,-1-1 1,0 1-48,1 0 1,0 0 0,3 0 0,-1 0-33,0 2 0,2-1 1,-3 1-1,0-2 7,1 0 0,-1 0 1,-1-1-1,0 0 20,0 0 1,-1-1 0,-2 0-22,-1 0 0,0 0-73,3-1 0,-3-1 0,-1 2-18,0-1 0,2-1 1,-1 1-1,1 0 7,0 0 1,3-2 0,-2 3 0,1-3 181,0 0 0,3 0 0,-1 0 0</inkml:trace>
  <inkml:trace contextRef="#ctx0" brushRef="#br0" timeOffset="1443">0 482 8330,'6'0'83,"-1"0"1,-1 0-63,1 0 1,-1-1 0,0 0-1,1-1 1,1 0 29,0 2 0,0 0 1,1 0-1,0 0-16,1 0 0,0 0 0,1 0 1,-1 0-1,1 0 1,0 0 0,0 0 0,1 0-38,0 0 0,1 0 1,-2 0-1,1 0-58,2 0 0,-2 0 0,0 0 1,-1 0 22,-1 0 1,1 2 0,0 0-1,-2-1-21,1 0 0,-2 1 1,0 0-87,1 0 1,-1 1 0,1-1 14,-1-1 0,-2 0 0,0 0 0,0 0-28,-1 1 1,1 0-38,3-2 1,-3 0-45,0 0 0,1-1 238,1-1 0,-2-1 0,-2-4 0</inkml:trace>
</inkml:ink>
</file>

<file path=ppt/ink/ink16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6:56.93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45 9 7634,'0'-5'1644,"0"1"-1498,0 4 37,0 0-194,-4 0 0,2 0 17,-4 0 1,3 0 28,-3 0 0,0 0 14,-2 0 0,-1 0 1,0 0 0,1 0-36,-1 0 1,0 1-1,0 1 0,1 1 1,2 0-1,0-3 3,-1 0 0,2 3 1,-1 0-14,0-1 1,1 2-1,-1-1 3,-1 2 0,2-2 1,-1 2-1,1 0-78,0 0 1,-3 0 0,3 1-1,-1-1 14,1-1 1,0 3-1,-2-1 39,1 2 0,1 0 0,-1 1 0,2 0-15,1 0 0,2-1 0,-3 1 63,0 0 1,3-3 0,-2-1 12,2 2 1,1 1 0,0 1-24,0-1 0,3 1 0,1-1-6,1-2 0,-2 1 1,1-4-1,1 1 1,0 0 0,1 3 0,3-2-14,-1 0 1,4-1 0,0-4-1,-1 0-12,2 0 0,0-1 0,3-1 0,0-2-55,-1-1 0,4 3 0,-5-2 1,2 1-352,-2 0 0,2 0 0,-5 3 1,0 0 416,-1 0 0,3 0 0,0 0 0</inkml:trace>
  <inkml:trace contextRef="#ctx0" brushRef="#br0" timeOffset="1455">603 79 9299,'-5'0'-8,"1"0"-52,4 0-66,0 0 152,4 0 1,-2 0-8,4 0 1,0 0-1,2 0 1,1 0-30,0 0 0,0 3 0,-1 0-11,1-1 1,0-1 0,0-1 0,-1 0-16,1 0 1,1 0 0,0 0 0,2 0-27,-1 0 0,-2 0 0,0 0 0,0 0-170,0 0 0,-1 0 1,1 0-278,0 0 1,-3 0-501,0 0 1009,-5 0 0,3 3 0,-4 2 0</inkml:trace>
</inkml:ink>
</file>

<file path=ppt/ink/ink16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6:59.36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84 9 7891,'0'-5'1213,"0"1"-1114,-4 4 0,-1 0-82,-4 0 1,1 3 0,-1 1-112,0 1 0,0-2 1,1 2 66,-1-1 0,0 0 1,0-2-1,1 0-35,-1 0 1,0 2 0,1 0-1,-1 0-5,0 0 1,1 0 0,2-2 10,0 1 91,0 4 0,0-6 40,0 5 1,4-3 30,-1 3 0,2-3 1,2 2-48,2-1 1,-1 1 0,3-1-81,-1 1 0,3-2 1,-1 2-26,1-1 0,2 2 0,0-3 0,0-1-88,-1-1 0,2 1 0,1 1 0,0 0-226,0 1 1,-1-3 0,-2 3-1,1-1-301,0 0 661,0 0 0,-1 1 0,1 0 0</inkml:trace>
  <inkml:trace contextRef="#ctx0" brushRef="#br0" timeOffset="1851">376 219 6117,'0'-6'1132,"0"0"-569,0 4-281,0-2-5,0 4-236,0 0 1,0 4-46,0 2 1,0 2-1,0 1 1,0-1-3,0 1 0,0 3 1,-1 0-1,-1 1-65,-1 0 1,-3 1-1,4-2 1,0-1-22,1-2 1,1 0 0,0 0-263,0-1 327,0 1 0,0-3 157,0 0 1,0-5-91,0-1 1,0-4-1,0-5-41,0 0 0,0 0 0,0-2 6,0-1 1,0 1-1,0 2-14,0 0 0,0-2 1,0-1 14,0 1 1,3 5 0,-1 0 0,0-1 11,-1-1 0,2 2 0,0 0 1,0 1 39,1 0 1,-2-3 44,4 2 1,-3-2-45,2 0 1,-2 3-56,3 2 0,-3 2 14,3 1 1,-3 0 0,2 1-2,-1 2 1,-1-1 0,-3 4 0,1 0-13,1 2 0,-1-2 1,2 0 10,-2 1 0,-1-3 1,0 2 77,0 1 1,0-2-13,0 1 1,-1-4 0,-1 2 0,-2-1-46,0-1 1,1 2 0,-3-2-31,-1 1 1,2 0 0,-1-2-12,0 2 0,1-2 0,-1 2 1,4 2 78,-1 1 0,2-2 1,1 2 10,0 1 0,0-2 1,1 0-1,1 0-36,1-1 1,3-1-1,-2 2 1,0 0-65,3 0 1,-2 0 0,1 1 0,0-3-251,-1 1 0,2 0 1,-1 3-304,2-1 1,1-3 0,-1 2 566,1-2 0,0 4 0,0-2 0</inkml:trace>
</inkml:ink>
</file>

<file path=ppt/ink/ink16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7:25.54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2 27 8247,'0'-6'248,"0"0"-157,0 4 59,0-2 1,0 3 56,0-2-114,0 2 0,0-3-31,-3 4 1,1 0 24,-4 0 1,3 0 39,-3 0 1,3 0-1,-3 0-24,0 0 1,1 0 0,-1 0-3,-1 0 1,-1 3-1,0 1-13,-1 1 0,1-2 0,1 2 1,1 0-56,0 0 1,-2-1 0,-1 3 0,0-1 5,1 1 0,0 1 1,1-1-1,1 0-28,0-1 1,-2 0 0,-1 3 0,1-1-43,2 1 0,-1 0 0,1 0 1,-1-1 7,1 1 0,-2 2 0,4-1 0,-2 0-20,0 1 0,4-1 0,-2-1 1,1 0 35,0 0 1,0-1-1,3 1 1,0 0 47,0 0 0,0 3 0,0 2-9,0-1 0,0 0 0,0-4 0,1-1-21,2-3 0,-1 3 0,3-2 0,0 2-13,0 0 1,0-2 0,1 0 0,0 0-3,1-1 0,1 2 0,1-4 0,-1-2-38,1 0 1,0 2 0,0 0-1,2-1-32,1-1 0,0-1 1,-1 0-1,2 0-506,0 0 0,-1 0 0,3 0 580,0 0 0,2-4 0,0-1 0</inkml:trace>
  <inkml:trace contextRef="#ctx0" brushRef="#br0" timeOffset="1252">551 44 8147,'0'-6'-1654,"0"1"2144,0 3-45,0-2-128,0 0 0,0 2 293,0-4-383,0 4 0,0-3 206,0 2-232,0 2-295,0-3 139,0 4 454,0 0-202,-4 0 0,-1 0-186,-4 0 0,4 3 1,-1 0-72,-1-1 1,0 0 0,0 0 0,2 2-22,2 1 0,-4-3 0,2 2 1,-1-1-18,0 0 0,3 2 1,-1-1-1,-1 1-19,0 2 0,2-2 1,-3 1 32,-1 0 1,2 2-1,1 1-3,0 0 0,0-2 0,2 0 0,-1-1-34,1 1 0,1 1 0,1 0 12,0 1 1,0 0 0,0 0 1,0-1 1,4 1-1,1 0 1,0-1 0,2 0 0,-2-1 1,1-1-48,0 1 1,0-1 0,2 1 0,1-1-29,0 1 0,0-2 0,-2 1 0,0-1 19,-1 0 1,0 3 0,3-2 7,-1 2 1,-2-1-1,-1 0 1,0-1 123,0 1 1,-3-2 0,1 0 195,-2 2 0,-1-2-145,0 1 0,0 0 0,-1 2-82,-2-3 0,1 2 0,-4-3 0,-2 0-24,-3 0 0,2 2 0,-4-3 0,2-2-104,-1 0 1,-3-1-1,3 0 1,-1 0-143,0 0 1,1 0-1,1-1 1,-1 0-301,2-2 1,0-4-1,1 2-341,1 0 872,3-3 0,-3 7 0,3-3 0</inkml:trace>
  <inkml:trace contextRef="#ctx0" brushRef="#br0" timeOffset="2232">682 324 8296,'-6'1'260,"0"2"1,4-1-132,-1 3 0,2 1 0,1 4 0,0 2 1,-1 2-183,-1 3 0,1 0 0,-2 1 0,2 0 155,1 2 1,0-1 0,0 1 0,0-1-116,0-2 1,0 0-1,0-3 1,0-2 51,0-2 1,0-2-148,0 1 1,0-3 122,0 0 1,0-8 0,0-1-79,0-4 0,-1-5 0,-1 0 0,-1-1-32,1 1 1,1-4 0,1 2-1,-1-3-89,-2 0 0,2-1 1,-2 0-1,2-2 10,1 0 0,3-1 0,1 4 0,0 0 100,0 3 1,3-2 0,-2 5 0,2 0 330,-1 1 0,2 4 0,-1 1-132,3-2 0,3 3 0,1 1 0,-2 2 84,-2 1 0,-1 0 0,-1 1-107,1 2 0,-1 2 0,-2 4 0,-3-1-65,-2 1 1,-1 0 0,0 0-1,-1-1 16,-2 1 0,-1 0 0,-3-1 0,1 0-86,-1-2 1,0 1 0,-2-3 0,0 0-75,0 0 0,1-2 0,-1-2 0,1-1 25,2-1 1,-1-2 0,2-4 0,-1 0-278,0-2 1,4-3 0,-1 1 0,2 1-36,1 2 1,0 0 0,0 0 112,0 1 0,4 3 281,2 2 0,2 6 0,0 2 0</inkml:trace>
  <inkml:trace contextRef="#ctx0" brushRef="#br0" timeOffset="2778">1005 271 8355,'-9'0'281,"1"0"1,2-3-1,0 1 1,-1 0 0,2 1 0,0 2-168,-2 2 1,0-2 0,0 5 0,1 1 69,0 1 0,-2 1 0,-1 0 0,1 2-105,3 1 1,0-1 0,3-2 0,-1 0-203,1-1 1,1 1 0,1 0 96,0 0 0,4-4 0,2-3-76,1-1 0,2-1 1,0-1-1,0-1-21,-1-4 0,1-2 0,0-1 0,0 1-385,-1 3 0,1-3 0,0 2 342,-1-2 1,-2 0-1,-1 2 120,-1 0 176,-1 4 1,-3-1 0,0 6 0,0 3 136,0 2 0,-1-3 0,-1 1 0,-1 1 172,1 1 1,1 0-1,2 1-831,2 0 1,-1-4 0,4-1-1314,1 0 1705,4-3 0,-1 2 0,3-3 0</inkml:trace>
  <inkml:trace contextRef="#ctx0" brushRef="#br0" timeOffset="3182">1232 263 6065,'-5'0'1031,"-1"0"0,0 0-738,-3 0 1,3 0 0,1 1-138,-2 2 1,-1 0 0,-1 4 0,0-1 43,1 1 0,2-2 0,0 0 0,0 2-43,1 1 0,-1 1 1,3 0-29,1-1 0,1 1 1,1 0-189,0-1 1,4 0 0,2-2-91,1-3 0,6-2 0,0-1 0,2 0-256,0 0 1,-1-4 0,4-1-1,-2-1-873,-1 1 1278,5-1 0,-5-3 0,6 0 0</inkml:trace>
  <inkml:trace contextRef="#ctx0" brushRef="#br0" timeOffset="3731">1425 289 8975,'5'-5'1032,"0"1"-776,-1 0 0,3 2 1,-1-3-139,2 2 0,-4-1 0,0 2-160,0-1 1,-2-3 0,3 2 35,-1-1 1,-1 2-117,-3-3 0,-1 5 0,-2-2 74,-3 2 0,1 1 0,-1 0 1,0 0 51,-2 0 1,-1 0 0,0 0 0,1 1 31,-1 2 1,0 0 0,0 4 0,2-1 114,1 1 0,-2 1 1,2 1-1,-1 2 169,2 1 0,-3 2 0,3-1 1,0-1 82,2 1 0,2 2 0,1-4 0,1 0-161,2-1 0,2-3 1,5 0-1,2-2-304,6-1 1,0-2 0,7-5 0,1-4-755,2-3 1,9-8 815,1-5 0,3-6 0,3-2 0</inkml:trace>
</inkml:ink>
</file>

<file path=ppt/ink/ink16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58.38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70 7878,'0'-6'-212,"0"0"0,0 0 1,0-2-1,0-1 915,0 0-488,0 5 0,0-1 135,0 2 1,0 1 438,0-4-282,0 4-437,0-2-154,0 4 139,0 0 0,1 4 0,1 2-59,1 2 1,0 1 0,-3 2-1,0 2 2,0 0 1,0 5 0,0 2 0,0 1-91,0 0 1,0-2-1,0 4 1,0-1 14,0 0 1,0-2-1,0 1 1,-1-1-84,-2 1 1,2-2 0,-2-3 84,2-2 1,1-3 0,0 1 0,0-3-91,0 0 1,1-1 115,2-2 1,-1-2 0,4-4 4,1 0 1,-3-4 0,0-2 0,-1-2 23,3-1 1,-1-2 0,0-1 0,0 1 50,0 2 0,0 1 0,4 1-64,0 1 1,0 3 0,-1-1 0,1 0 6,0 2 1,-1 2-1,-2 2 1,0 2 95,1 0 0,1 3 19,1 5 1,-5-2 0,-1 1-1,-2-1 2,-1-1 0,0 2 0,0 1 1,0-1 67,0-2 0,-1 0 0,-2 0 0,-2 0-127,-3-1 0,-1 1 0,0-1-199,1-2 1,-1 0 0,0-3 0,0-1-82,1-1 1,0-2 0,1-2 0,1-2-95,0-3 1,-1-4 0,1 1-1,3 0 342,2 1 0,1 1 0,0 1 0,4-1 0,1 0 0</inkml:trace>
  <inkml:trace contextRef="#ctx0" brushRef="#br0" timeOffset="1070">472 350 6939,'-5'0'2601,"1"0"-1944,4 0 21,0 0-442,0-4 1,1 3-156,2-2 0,-1 2 0,4 1-36,1 0 1,-2 0 0,1 0-44,0 0 1,-1 0-1,1 0 1,1 0-8,1 0 1,1 0 0,2 0-41,1 0 0,-1 0 0,-1 1 0,1 1-159,0 1 0,2 0 1,-2-2-1,1 1-1,2 1 1,-3 0 0,3-1 0,-1 1 61,-3-1 0,3-1 0,-1-1 0,-2 1-267,0 2 0,2-2 1,-1 2-1487,0-2 1896,-1-5 0,-2-1 0,1-4 0</inkml:trace>
</inkml:ink>
</file>

<file path=ppt/ink/ink16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2.4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 183 7958,'-1'-8'0,"-1"2"0,-1 0 1440,1-1-745,1 3-494,1 0-73,0 4 0,0 1-124,0 2 1,0 3-1,0 6 1,0 2 71,0 3 0,0 3 0,0 2 1,0 3-81,0 2 1,0-2 0,0-2-1,0 2-31,0 0 0,0 0 0,1-2 0,1-2-43,1-3 1,3-1 0,-2-3 0,-1-2-5,1-2 1,2-2-1,-2 1 10,1 0 0,1-1 4,2-3 1,1-2 73,0-6 1,-3-1 0,-1-6 0,-1-2 33,1-2 0,1-4 0,3-2 0,-1-3-14,-3-3 1,6-3 0,-2-1 0,1 0 33,-1 0 1,0-2 0,1 2 0,0 1-122,2 1 1,3-2 0,-4 7 0,0 3-430,-1 3 1,-2 2 0,1 4-540,0 3 1029,0 3 0,-1 13 0,1 2 0</inkml:trace>
  <inkml:trace contextRef="#ctx0" brushRef="#br0" timeOffset="573">245 437 7047,'0'4'1684,"1"0"-1268,2-4 0,1 0-279,5 0 1,-1-1 0,-1-1-230,-1-1 1,-2-3-1,3 1-34,-1 0 1,-4-3 105,1 2 0,-3 3 1,-2-1-337,-1 0 1,-4 3 260,1-2 0,-1 6 0,-2 3 93,0 1 0,3 2 1,1 1-1,1 0 35,-1 2 0,2 1 1,-2-3-1,1 3 107,2 1 1,1-4 0,1 3-1,0-1 131,0-1 1,1 1 0,2-4-34,3-3 0,2-1 0,1-4 0,2 0-76,1 0 1,2-4 0,-1-2 0,0-4-384,-1-2 0,3 1 1,-3 1-1,1-1-600,0 0 0,-2 0 1,-2 4-1,0 1 821,-1 0 0,1 2 0,0 0 0</inkml:trace>
  <inkml:trace contextRef="#ctx0" brushRef="#br0" timeOffset="872">472 437 6390,'-4'8'525,"3"-2"0,-2 0 0,2 1-142,1 1 0,-3 0 0,0 1 0,1 0-19,1-1 0,1 1 231,0 0-369,0 0 1,4-4-109,2-3 0,-1-4 1,0-4-1,0-3-137,0-3 0,0 3 0,4-4 0,-1 1-62,-2 1 1,3-1-1,-1 3 1,0 1-370,0-1 1,1 1-1,-3 2 1,2 3-491,1 2 0,-1 1 0,1 0 940,0 0 0,0 4 0,-1 1 0</inkml:trace>
  <inkml:trace contextRef="#ctx0" brushRef="#br0" timeOffset="1064">708 480 6981,'0'9'1183,"-1"-1"0,-1-1-627,-1-2 1,0-2-1610,3 3 24,0-4 1,3-6 1028,0-7 0,0-5 0,-3-1 0</inkml:trace>
  <inkml:trace contextRef="#ctx0" brushRef="#br0" timeOffset="1230">699 105 7985,'-4'-9'510,"2"4"649,-4 2 0,2 3 0,-2 3-1217,3 3 0,3 2 1,3 0-1,2 1-1156,-1 0 1,7 2 1213,-2 1 0,5 4 0,0-3 0</inkml:trace>
  <inkml:trace contextRef="#ctx0" brushRef="#br0" timeOffset="1800">935 795 7877,'0'-9'94,"0"0"1,-3 1 0,0-2 0,1-2 220,1-2 1,0-3 0,-1-1 0,-1-2-189,1 0 0,1-6 0,-1 0 0,-2-1-44,-1-4 0,2-1 0,-2-3 0,0 0-32,0-1 1,2-9-1,-1 4 0,0-2-179,2 1 0,1 2 1,1 4-1,1 3 50,2 2 1,3 5 0,4 7-1,3 4 133,0 3 1,2 3 0,2 2 0,2 2-6,1 2 1,-1 1 0,1 5 0,-2 2-54,-4 3 0,3 1 0,-4 0 0,1 0-1018,-2 3 0,-3 2 0,-1 3 1021,-2 1 0,-2-1 0,-4 0 0</inkml:trace>
  <inkml:trace contextRef="#ctx0" brushRef="#br0" timeOffset="2119">830 410 7007,'3'6'0,"1"-1"597,1-1-230,1-1 1,5-3 0,1 0-1,-1 0-154,-2 0 1,3 0 0,0 0-1,-1 0-131,2 0 0,-3 0 1,2 0-1,0 0-755,-1 0 0,4 0 1,-3 0 672,-2 0 0,0 4 0,-1 1 0</inkml:trace>
  <inkml:trace contextRef="#ctx0" brushRef="#br0" timeOffset="2467">1066 445 8442,'0'9'761,"1"-4"0,1-1-395,1 0 0,4-2 0,-2 2 0,3 0-182,1-2 1,0-1 0,0-1 0,2 0-232,1 0 0,-1-3 0,-1-1 0,1 0-206,0-3 1,1 0 0,-3 0 0,0 2-45,-1 1 1,1-1 279,0 2 0,0 0 86,-1 3 1,-3 4 0,-2 2 0,-3 2 260,-3 4 0,1 2 0,-4 4 0,0 2-84,-2 4 1,-4 4 0,1 1-1,-1 0-223,-1 1 0,4-3 0,-3 2 0,3-5-31,3-4 0,2-1 1,4-2-1,0 0 272,0-3-264,0-1 0,4-4 0,1-1 0</inkml:trace>
</inkml:ink>
</file>

<file path=ppt/ink/ink16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6.40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14 53 7409,'1'-8'-1396,"1"1"1549,0 1 1,2 3 678,-1-3-524,-2 5 0,3-4 354,-4 2 6,0 2-434,0-3 1,1 4 334,2 0-246,-2 0 0,3-1 394,-4-2-93,0 2-362,0-3 0,-1 4-82,-2 0 0,2 1-151,-2 2 0,-1-1 66,1 4 0,-3-3 0,4 3-21,0 0 1,-2-1 0,1 1 0,0 0-13,-1-1 1,2 2 0,-3-1 0,0 3-31,1 3 1,-1-3 0,-3 4 0,1-1-22,0-1 1,-2 2-1,4-1 1,-1 1-25,0 1 0,1 2 0,-2-1 0,3 1-60,0 2 1,0 2 0,2 3-1,-1 0-25,1 1 1,1 3-1,1-4 1,0 0-90,0 0 0,0 0 0,0 1 1,1-2 88,2 0 0,-2-2 1,3-3-1,0 0-271,2-3 0,1 2 0,2-3 0,1-1-1108,1 1 1,0-2 1476,4-2 0,-1 4 0,4 0 0</inkml:trace>
</inkml:ink>
</file>

<file path=ppt/ink/ink16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9.5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315 7931,'5'-1'-108,"-2"-2"512,-2 2 9,-1-3-237,0 4 0,0 4-82,0 2 0,0 2 0,0 1 0,0 3-36,0 3 0,0 2 1,0 4-1,0 2-74,0 2 1,0-2 0,0 1 0,0-1 7,0-1 0,-1 0 1,-1-5-1,-1 0-66,1-3 0,1 2 0,1-5 0,0 0-3,0-1 1,0-4-99,0-1 94,0-3 1,0 1 0,0-6-1,0-3-21,0-5 0,0 0 0,0-2 0,0-1 32,0 0 1,0 0 0,0-5 33,0-1 0,1 2 0,1-3 0,2 3 0,0 0 16,-1 1 0,1 2 0,-1 2 0,2 0 140,0 2 0,2 2 0,-3 0 40,1 0 1,-1 3-1,3 2 1,-1 0-3,1 2 0,-2 1 0,0 1-10,2 0 1,-2 1-1,1 2-57,1 2 0,-3 0 1,-1 1-5,-2 1 1,-1-2-1,0 1-21,0 0 0,-1 1 1,-1 0-1,-2-2-208,-1-1 0,-1 2 0,-3-4-72,1 0 0,2-1 0,0-1 0,-1 0-4,-1 0 0,3-3 0,-1-1 0,0-3-31,1-3 0,-2-3 1,4 1-1,1 0 32,1 0 0,1 2 0,1-2-10,2 3 1,-1 3-1,4 1 227,1 1 0,5 1 0,1 3 0</inkml:trace>
  <inkml:trace contextRef="#ctx0" brushRef="#br0" timeOffset="638">263 62 8090,'0'-9'-1295,"0"0"1592,0 0 1,0 4 0,1 0 2182,2 1-1919,-2-3-229,3 6 39,-4-7 202,0 7-727,0-3 0,0 8 0,0 2 0,0 2 161,0 1 0,0 2 1,0 3 116,0 2-108,0 4 0,-1 6 1,-1 0-1,-2 1 25,-1-1 1,0 2 0,-1-2 0,4-4 19,1-2 0,-2-4 1,0 0-1,1-3-122,1 0 1,1-4 0,0-3 0,1-1-65,2 0-1,-1 0-76,4-2 1,-1-3 124,4 0 1,0-4 0,0-5 0,-1-2-51,1-1 0,0 0 1,-1 1-1,1-2-126,0 0 0,0 1 0,-1-2 0,1 2-314,0 1 0,-3 1 1,0 3 566,0 1 0,-2-2 0,0 3 0</inkml:trace>
  <inkml:trace contextRef="#ctx0" brushRef="#br0" timeOffset="879">307 341 8090,'0'6'0,"0"0"488,0 1 0,0-2 0,0 0 17,0 2 0,3-2 0,1 0 1,0 0-871,3 0 0,1-3-219,1 0 0,-1-1 0,1-1 0,0 0 584,0 0 0,-1 0 0,1 0 0</inkml:trace>
  <inkml:trace contextRef="#ctx0" brushRef="#br0" timeOffset="1073">482 437 8256,'-5'4'854,"1"1"0,4 4-1021,0 0 0,0 3 0,0 2 0,0-1 167,0-1 0,0 6 0,0 0 0</inkml:trace>
</inkml:ink>
</file>

<file path=ppt/ink/ink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1:18.10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49 1 7185,'5'0'657,"-2"0"-372,-3 0 1201,0 0-1536,0 4 1,-1-3 6,-1 2 0,-2-1 1,-3 0 43,1 0 1,1 2-1,-2-2 1,2 1-1,-2-1 1,-1 3 0,-1 0 8,0 0 0,1 1 1,-1-2-1,0 1-23,1 2 0,0-2 0,1 0 0,1 0-31,-1-1 1,2-1 0,1 3 30,0 1 0,0-3 0,2 0-31,-1 0 1,0-2 226,3 3 207,0-3 0,1 2-282,2-4 0,2 3 0,4 0-82,-1-1 0,-2-1 0,0-1 0,1 1 41,1 2 0,0-2 0,1 2-110,0-2 1,-1 2-1,1 0 1,0-1-62,0 2 0,-1-3 0,1 2 0,-1-1-106,-2 1 1,2-1-253,-3 4 1,-1-3 0,-1 3-99,-2 0 560,-5-2 0,-5 4 0,-4-3 0</inkml:trace>
</inkml:ink>
</file>

<file path=ppt/ink/ink17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11.97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 394 8198,'0'-9'1986,"0"5"-1724,0 0 0,0 6 0,0 2-420,0 5 139,-4 2 1,3 2-1,-2 1 71,2 3 0,1-1 1,0 0-1,0-2-53,0 2 0,0-4 0,0 0 0,0-2-15,0-2 0,4-3 0,2-1 15,1 0 0,2-4 1,1 0-1,1-4 15,0-1 0,1-2 0,-3 1 0,-1-2-27,1-1 0,-1 3 1,-1 2-1,-1 0 45,0 2 1,-1-2 0,1 1 1,-3 3 0,2 4 0,-1 1 186,-2 1 1,-1 2-1,0 0-102,1-2 1,0 1-45,4-4 0,0-3 1,3-4 14,0-5 0,-1-6 1,1 1-1,0-2-86,-1 2 0,1-3 0,0 4 0,0-1-45,-1 2 1,0 0 0,-2 0 0,-2 2-1853,0 4 1894,-3-2 0,7 3 0,-4-4 0</inkml:trace>
  <inkml:trace contextRef="#ctx0" brushRef="#br0" timeOffset="277">384 551 8017,'0'6'358,"0"0"0,-2 1-171,-1 1 1,-1 4 0,2 3 0,-1 1-310,1 2 0,1-2 0,1 0 0,0-3 122,0 0 0,4 3 0,1-3 0</inkml:trace>
  <inkml:trace contextRef="#ctx0" brushRef="#br0" timeOffset="1244">751 342 8125,'-5'0'411,"-1"0"0,3 0 1,-3 0-353,-1 0 1,2 3 0,0 1 0,-1 0-63,1 3 1,-3 0 0,2 0-1,-1-1 68,-2 0 1,0 5-1,0 1 1,1-2 40,-1 0 1,3-1-1,0 1 1,0 0 66,2 2 0,-3 2 0,4-2 0,1-1 54,1-2 1,1 3 0,0 0-136,0-2 0,4-1 0,2-2 0,1-2-212,2-1 0,3-1 0,1-3 0,2-1-310,0-2 1,4-2 0,-4-4 0,4 0-1352,1 1 1781,1-1 0,-4-4 0,1 0 0</inkml:trace>
  <inkml:trace contextRef="#ctx0" brushRef="#br0" timeOffset="1605">917 586 8437,'-2'9'0,"-1"0"166,1 0 1,0-1-1,0 2 1,-2 1-131,-1 0 0,3 4 1,-1-3-1,2-1-132,1 2 96,-4-3 0,3 6 0,-2-2 0</inkml:trace>
  <inkml:trace contextRef="#ctx0" brushRef="#br0" timeOffset="2407">1136 307 8080,'-4'-9'473,"3"4"0,-2-2-233,6 4 0,-1 1 0,4 2 1,1 0-100,0 0 1,2 0 0,0 0 0,0 0-37,-1 0 0,1 0 0,0 1 0,0 0-169,-1 2 1,-2 3 0,0-2 0,0 1-229,-1 2 0,1-2 0,-3 0 101,-1 2 1,-1 1 0,-1 1 0,-1-2 116,-2-1 1,1 2 0,-3-1 0,-2 3 31,-1 1 0,-4 1 0,1-3 0,0 0 82,1 3 1,-1-2 0,-1 1 0,1 0-29,2 1 1,1-3 0,1 3-1,1-2 245,-1-2 1,4 1 0,-1 0 203,0 0 1,3-1 0,-2 1-253,2 0 1,5-3-1,2-1-194,1-2 1,2 0-1,0-3 1,0 0-164,-1 0 0,1 0 1,1 0-1,1 0-325,0 0 0,1-1 1,-3-1-1,0 0 473,3 0 0,-2-3 0,2 0 0</inkml:trace>
  <inkml:trace contextRef="#ctx0" brushRef="#br0" timeOffset="2683">1110 455 8086,'-5'0'2431,"9"0"-2160,7 0 1,2 0 0,1 0 0,-1 0-603,1 0 1,-1 0 0,3 0 0,-2 0-852,2 0 1182,-3 0 0,3 4 0,-2 1 0</inkml:trace>
</inkml:ink>
</file>

<file path=ppt/ink/ink17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1:18.10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49 1 7185,'5'0'657,"-2"0"-372,-3 0 1201,0 0-1536,0 4 1,-1-3 6,-1 2 0,-2-1 1,-3 0 43,1 0 1,1 2-1,-2-2 1,2 1-1,-2-1 1,-1 3 0,-1 0 8,0 0 0,1 1 1,-1-2-1,0 1-23,1 2 0,0-2 0,1 0 0,1 0-31,-1-1 1,2-1 0,1 3 30,0 1 0,0-3 0,2 0-31,-1 0 1,0-2 226,3 3 207,0-3 0,1 2-282,2-4 0,2 3 0,4 0-82,-1-1 0,-2-1 0,0-1 0,1 1 41,1 2 0,0-2 0,1 2-110,0-2 1,-1 2-1,1 0 1,0-1-62,0 2 0,-1-3 0,1 2 0,-1-1-106,-2 1 1,2-1-253,-3 4 1,-1-3 0,-1 3-99,-2 0 560,-5-2 0,-5 4 0,-4-3 0</inkml:trace>
</inkml:ink>
</file>

<file path=ppt/ink/ink17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48.82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45 9 7634,'0'-5'1644,"0"1"-1498,0 4 37,0 0-194,-4 0 0,2 0 17,-4 0 1,3 0 28,-3 0 0,0 0 14,-2 0 0,-1 0 1,0 0 0,1 0-36,-1 0 1,0 1-1,0 1 0,1 1 1,2 0-1,0-3 3,-1 0 0,2 3 1,-1 0-14,0-1 1,1 2-1,-1-1 3,-1 2 0,2-2 1,-1 2-1,1 0-78,0 0 1,-3 0 0,3 1-1,-1-1 14,1-1 1,0 3-1,-2-1 39,1 2 0,1 0 0,-1 1 0,2 0-15,1 0 0,2-1 0,-3 1 63,0 0 1,3-3 0,-2-1 12,2 2 1,1 1 0,0 1-24,0-1 0,3 1 0,1-1-6,1-2 0,-2 1 1,1-4-1,1 1 1,0 0 0,1 3 0,3-2-14,-1 0 1,4-1 0,0-4-1,-1 0-12,2 0 0,0-1 0,3-1 0,0-2-55,-1-1 0,4 3 0,-5-2 1,2 1-352,-2 0 0,2 0 0,-5 3 1,0 0 416,-1 0 0,3 0 0,0 0 0</inkml:trace>
  <inkml:trace contextRef="#ctx0" brushRef="#br0" timeOffset="1">603 79 9299,'-5'0'-8,"1"0"-52,4 0-66,0 0 152,4 0 1,-2 0-8,4 0 1,0 0-1,2 0 1,1 0-30,0 0 0,0 3 0,-1 0-11,1-1 1,0-1 0,0-1 0,-1 0-16,1 0 1,1 0 0,0 0 0,2 0-27,-1 0 0,-2 0 0,0 0 0,0 0-170,0 0 0,-1 0 1,1 0-278,0 0 1,-3 0-501,0 0 1009,-5 0 0,3 3 0,-4 2 0</inkml:trace>
</inkml:ink>
</file>

<file path=ppt/ink/ink17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48.83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84 9 7891,'0'-5'1213,"0"1"-1114,-4 4 0,-1 0-82,-4 0 1,1 3 0,-1 1-112,0 1 0,0-2 1,1 2 66,-1-1 0,0 0 1,0-2-1,1 0-35,-1 0 1,0 2 0,1 0-1,-1 0-5,0 0 1,1 0 0,2-2 10,0 1 91,0 4 0,0-6 40,0 5 1,4-3 30,-1 3 0,2-3 1,2 2-48,2-1 1,-1 1 0,3-1-81,-1 1 0,3-2 1,-1 2-26,1-1 0,2 2 0,0-3 0,0-1-88,-1-1 0,2 1 0,1 1 0,0 0-226,0 1 1,-1-3 0,-2 3-1,1-1-301,0 0 661,0 0 0,-1 1 0,1 0 0</inkml:trace>
  <inkml:trace contextRef="#ctx0" brushRef="#br0" timeOffset="1">376 219 6117,'0'-6'1132,"0"0"-569,0 4-281,0-2-5,0 4-236,0 0 1,0 4-46,0 2 1,0 2-1,0 1 1,0-1-3,0 1 0,0 3 1,-1 0-1,-1 1-65,-1 0 1,-3 1-1,4-2 1,0-1-22,1-2 1,1 0 0,0 0-263,0-1 327,0 1 0,0-3 157,0 0 1,0-5-91,0-1 1,0-4-1,0-5-41,0 0 0,0 0 0,0-2 6,0-1 1,0 1-1,0 2-14,0 0 0,0-2 1,0-1 14,0 1 1,3 5 0,-1 0 0,0-1 11,-1-1 0,2 2 0,0 0 1,0 1 39,1 0 1,-2-3 44,4 2 1,-3-2-45,2 0 1,-2 3-56,3 2 0,-3 2 14,3 1 1,-3 0 0,2 1-2,-1 2 1,-1-1 0,-3 4 0,1 0-13,1 2 0,-1-2 1,2 0 10,-2 1 0,-1-3 1,0 2 77,0 1 1,0-2-13,0 1 1,-1-4 0,-1 2 0,-2-1-46,0-1 1,1 2 0,-3-2-31,-1 1 1,2 0 0,-1-2-12,0 2 0,1-2 0,-1 2 1,4 2 78,-1 1 0,2-2 1,1 2 10,0 1 0,0-2 1,1 0-1,1 0-36,1-1 1,3-1-1,-2 2 1,0 0-65,3 0 1,-2 0 0,1 1 0,0-3-251,-1 1 0,2 0 1,-1 3-304,2-1 1,1-3 0,-1 2 566,1-2 0,0 4 0,0-2 0</inkml:trace>
</inkml:ink>
</file>

<file path=ppt/ink/ink17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48.83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2 27 8247,'0'-6'248,"0"0"-157,0 4 59,0-2 1,0 3 56,0-2-114,0 2 0,0-3-31,-3 4 1,1 0 24,-4 0 1,3 0 39,-3 0 1,3 0-1,-3 0-24,0 0 1,1 0 0,-1 0-3,-1 0 1,-1 3-1,0 1-13,-1 1 0,1-2 0,1 2 1,1 0-56,0 0 1,-2-1 0,-1 3 0,0-1 5,1 1 0,0 1 1,1-1-1,1 0-28,0-1 1,-2 0 0,-1 3 0,1-1-43,2 1 0,-1 0 0,1 0 1,-1-1 7,1 1 0,-2 2 0,4-1 0,-2 0-20,0 1 0,4-1 0,-2-1 1,1 0 35,0 0 1,0-1-1,3 1 1,0 0 47,0 0 0,0 3 0,0 2-9,0-1 0,0 0 0,0-4 0,1-1-21,2-3 0,-1 3 0,3-2 0,0 2-13,0 0 1,0-2 0,1 0 0,0 0-3,1-1 0,1 2 0,1-4 0,-1-2-38,1 0 1,0 2 0,0 0-1,2-1-32,1-1 0,0-1 1,-1 0-1,2 0-506,0 0 0,-1 0 0,3 0 580,0 0 0,2-4 0,0-1 0</inkml:trace>
  <inkml:trace contextRef="#ctx0" brushRef="#br0" timeOffset="1">551 44 8147,'0'-6'-1654,"0"1"2144,0 3-45,0-2-128,0 0 0,0 2 293,0-4-383,0 4 0,0-3 206,0 2-232,0 2-295,0-3 139,0 4 454,0 0-202,-4 0 0,-1 0-186,-4 0 0,4 3 1,-1 0-72,-1-1 1,0 0 0,0 0 0,2 2-22,2 1 0,-4-3 0,2 2 1,-1-1-18,0 0 0,3 2 1,-1-1-1,-1 1-19,0 2 0,2-2 1,-3 1 32,-1 0 1,2 2-1,1 1-3,0 0 0,0-2 0,2 0 0,-1-1-34,1 1 0,1 1 0,1 0 12,0 1 1,0 0 0,0 0 1,0-1 1,4 1-1,1 0 1,0-1 0,2 0 0,-2-1 1,1-1-48,0 1 1,0-1 0,2 1 0,1-1-29,0 1 0,0-2 0,-2 1 0,0-1 19,-1 0 1,0 3 0,3-2 7,-1 2 1,-2-1-1,-1 0 1,0-1 123,0 1 1,-3-2 0,1 0 195,-2 2 0,-1-2-145,0 1 0,0 0 0,-1 2-82,-2-3 0,1 2 0,-4-3 0,-2 0-24,-3 0 0,2 2 0,-4-3 0,2-2-104,-1 0 1,-3-1-1,3 0 1,-1 0-143,0 0 1,1 0-1,1-1 1,-1 0-301,2-2 1,0-4-1,1 2-341,1 0 872,3-3 0,-3 7 0,3-3 0</inkml:trace>
  <inkml:trace contextRef="#ctx0" brushRef="#br0" timeOffset="2">682 324 8296,'-6'1'260,"0"2"1,4-1-132,-1 3 0,2 1 0,1 4 0,0 2 1,-1 2-183,-1 3 0,1 0 0,-2 1 0,2 0 155,1 2 1,0-1 0,0 1 0,0-1-116,0-2 1,0 0-1,0-3 1,0-2 51,0-2 1,0-2-148,0 1 1,0-3 122,0 0 1,0-8 0,0-1-79,0-4 0,-1-5 0,-1 0 0,-1-1-32,1 1 1,1-4 0,1 2-1,-1-3-89,-2 0 0,2-1 1,-2 0-1,2-2 10,1 0 0,3-1 0,1 4 0,0 0 100,0 3 1,3-2 0,-2 5 0,2 0 330,-1 1 0,2 4 0,-1 1-132,3-2 0,3 3 0,1 1 0,-2 2 84,-2 1 0,-1 0 0,-1 1-107,1 2 0,-1 2 0,-2 4 0,-3-1-65,-2 1 1,-1 0 0,0 0-1,-1-1 16,-2 1 0,-1 0 0,-3-1 0,1 0-86,-1-2 1,0 1 0,-2-3 0,0 0-75,0 0 0,1-2 0,-1-2 0,1-1 25,2-1 1,-1-2 0,2-4 0,-1 0-278,0-2 1,4-3 0,-1 1 0,2 1-36,1 2 1,0 0 0,0 0 112,0 1 0,4 3 281,2 2 0,2 6 0,0 2 0</inkml:trace>
  <inkml:trace contextRef="#ctx0" brushRef="#br0" timeOffset="3">1005 271 8355,'-9'0'281,"1"0"1,2-3-1,0 1 1,-1 0 0,2 1 0,0 2-168,-2 2 1,0-2 0,0 5 0,1 1 69,0 1 0,-2 1 0,-1 0 0,1 2-105,3 1 1,0-1 0,3-2 0,-1 0-203,1-1 1,1 1 0,1 0 96,0 0 0,4-4 0,2-3-76,1-1 0,2-1 1,0-1-1,0-1-21,-1-4 0,1-2 0,0-1 0,0 1-385,-1 3 0,1-3 0,0 2 342,-1-2 1,-2 0-1,-1 2 120,-1 0 176,-1 4 1,-3-1 0,0 6 0,0 3 136,0 2 0,-1-3 0,-1 1 0,-1 1 172,1 1 1,1 0-1,2 1-831,2 0 1,-1-4 0,4-1-1314,1 0 1705,4-3 0,-1 2 0,3-3 0</inkml:trace>
  <inkml:trace contextRef="#ctx0" brushRef="#br0" timeOffset="4">1232 263 6065,'-5'0'1031,"-1"0"0,0 0-738,-3 0 1,3 0 0,1 1-138,-2 2 1,-1 0 0,-1 4 0,0-1 43,1 1 0,2-2 0,0 0 0,0 2-43,1 1 0,-1 1 1,3 0-29,1-1 0,1 1 1,1 0-189,0-1 1,4 0 0,2-2-91,1-3 0,6-2 0,0-1 0,2 0-256,0 0 1,-1-4 0,4-1-1,-2-1-873,-1 1 1278,5-1 0,-5-3 0,6 0 0</inkml:trace>
  <inkml:trace contextRef="#ctx0" brushRef="#br0" timeOffset="5">1425 289 8975,'5'-5'1032,"0"1"-776,-1 0 0,3 2 1,-1-3-139,2 2 0,-4-1 0,0 2-160,0-1 1,-2-3 0,3 2 35,-1-1 1,-1 2-117,-3-3 0,-1 5 0,-2-2 74,-3 2 0,1 1 0,-1 0 1,0 0 51,-2 0 1,-1 0 0,0 0 0,1 1 31,-1 2 1,0 0 0,0 4 0,2-1 114,1 1 0,-2 1 1,2 1-1,-1 2 169,2 1 0,-3 2 0,3-1 1,0-1 82,2 1 0,2 2 0,1-4 0,1 0-161,2-1 0,2-3 1,5 0-1,2-2-304,6-1 1,0-2 0,7-5 0,1-4-755,2-3 1,9-8 815,1-5 0,3-6 0,3-2 0</inkml:trace>
</inkml:ink>
</file>

<file path=ppt/ink/ink17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2.03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3 104 7017,'0'-3'-302,"0"0"1,-1 4 642,-1 1 17,2-2-14,-3 3-63,3-3-123,0 0 106,-3 0 20,2 0-66,-2 3-57,3-2-22,0 2-58,0-3 0,2-3 0,1-1-66,1 1 0,-2-2 0,2 2 0,1-1 1,1-1 0,-1-1 0,-1 0 1,1-1 3,1 1 1,0-1-1,1 1 1,-1-1 38,1 1 0,-3 0 1,0 1-44,1 1 1,1 0 0,0-1-34,-2 1 1,2 2 36,-2 0-54,-1 1 0,0 2 0,-3 1 64,0 3 0,0 0 0,0 2 0,0 0 1,-2 1 15,0 1 0,-2 1 1,1 0-1,0-1-26,0 1 0,0 0 0,2-1 1,-2-1-89,2-1 0,0 0-243,1-1 0,1-2 1,1-2-1463,2-1 1773,-1-1 0,6 0 0,-2 0 0</inkml:trace>
</inkml:ink>
</file>

<file path=ppt/ink/ink17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3.42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98 8295,'4'-1'188,"0"-1"0,1-2 0,1-2-127,1-1 0,-3 1 0,0-1 0,1 1-120,1-1 0,0 1 1,-1-1-1,-1-1 72,1 2 1,1-2-1,1 4-4,-1-2 1,-1 2 12,-1 2 1,-2 1 57,2 1 1,-2 1 0,0 1 0,-1 2-12,-1 2 1,0 1-1,0-1-75,0 1 0,0-1 1,0 1-1,0-1-209,0 1 0,0-3 1,0 0-1,0 2 215,0-1 0,0 2 0,0-1 0</inkml:trace>
</inkml:ink>
</file>

<file path=ppt/ink/ink17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4.79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9 7 9589,'3'-4'108,"1"2"1,0 2-1,0 0 3,1 0 1,1 0-173,1 0 0,-1 0 3,1 0 0,-3 0 0,0 0 23,-1 2 1,-1 0 38,-2 2 0,-1 1 0,0 1 1,-2 1-33,-1-1 1,0 1-1,-3-1 1,1 1-9,-1-1 0,1 1 0,-1-1 1,1 1 29,2-1 0,-2 0 0,3-1 0,-1-1-14,2 1 1,-1-1-1,1 0 36,0 1 1,2 1 0,3 0-39,1-2 1,2-1-1,1-3 1,2 0-237,1 0 1,3 0 0,0 0 0,2 0-728,0 0 0,0-3 985,-2-1 0,0-2 0,0 0 0</inkml:trace>
</inkml:ink>
</file>

<file path=ppt/ink/ink17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5.89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0 7990,'-3'4'1156,"3"-1"-873,-3-3 0,3 0-52,3 0 1,0 0-161,4 0 1,-3 0 0,0 0 1,1 0 0,-1 0 1,0 0-203,1 0 1,-1 0-1,0 1 1,-1 0-11,1 1 1,-3 1 78,2-1 0,-3 0 0,0 2 6,0 1 1,-3 1 0,-1 0-10,-2-2 0,0 2 1,1-2-1,1 1 46,-1 0 0,1 0 0,0-2 9,-1 0 0,1-1 0,1 3-12,0 0 0,1-2 1,2 2 124,0 0 1,0 0 0,3 2-70,1-1 0,2 1 1,0-1-1,1-1-183,2-1 0,1 0 0,3 0 0,1-2-323,1-1 0,0-1 0,2-1 470,1-1 0,1-2 0,0-2 0</inkml:trace>
</inkml:ink>
</file>

<file path=ppt/ink/ink17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8.85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3 137 7737,'-3'3'-417,"-3"-2"0,4 2 437,-2-3 0,3 1 451,-1 1-208,-2-1 0,2 1 178,-2-2-48,3 0-295,-2 0-90,3 0 0,2-2 1,1-2 32,0 0 1,0-1 0,1 0 0,1-3-34,1 0 0,0-1 1,-1 2-1,0-1 26,0-1 1,3-2-1,-4 2 1,2-1-85,0 1 0,1 0 0,-1 3 0,-1-1 43,-1 1 1,-2 0 209,2 2-107,-2 1 0,1 6 0,-4 1 0,0 3-9,-2 1 1,1 0-1,0 3 1,-1 0-61,0-1 0,1 2 0,0-3 1,1 0-173,-2 1 1,3-2 0,-2-1 0,1-1-584,1 1 1,3-1 0,0-1 727,1-1 0,2 0 0,-3 3 0</inkml:trace>
</inkml:ink>
</file>

<file path=ppt/ink/ink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6:56.93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45 9 7634,'0'-5'1644,"0"1"-1498,0 4 37,0 0-194,-4 0 0,2 0 17,-4 0 1,3 0 28,-3 0 0,0 0 14,-2 0 0,-1 0 1,0 0 0,1 0-36,-1 0 1,0 1-1,0 1 0,1 1 1,2 0-1,0-3 3,-1 0 0,2 3 1,-1 0-14,0-1 1,1 2-1,-1-1 3,-1 2 0,2-2 1,-1 2-1,1 0-78,0 0 1,-3 0 0,3 1-1,-1-1 14,1-1 1,0 3-1,-2-1 39,1 2 0,1 0 0,-1 1 0,2 0-15,1 0 0,2-1 0,-3 1 63,0 0 1,3-3 0,-2-1 12,2 2 1,1 1 0,0 1-24,0-1 0,3 1 0,1-1-6,1-2 0,-2 1 1,1-4-1,1 1 1,0 0 0,1 3 0,3-2-14,-1 0 1,4-1 0,0-4-1,-1 0-12,2 0 0,0-1 0,3-1 0,0-2-55,-1-1 0,4 3 0,-5-2 1,2 1-352,-2 0 0,2 0 0,-5 3 1,0 0 416,-1 0 0,3 0 0,0 0 0</inkml:trace>
  <inkml:trace contextRef="#ctx0" brushRef="#br0" timeOffset="1455">603 79 9299,'-5'0'-8,"1"0"-52,4 0-66,0 0 152,4 0 1,-2 0-8,4 0 1,0 0-1,2 0 1,1 0-30,0 0 0,0 3 0,-1 0-11,1-1 1,0-1 0,0-1 0,-1 0-16,1 0 1,1 0 0,0 0 0,2 0-27,-1 0 0,-2 0 0,0 0 0,0 0-170,0 0 0,-1 0 1,1 0-278,0 0 1,-3 0-501,0 0 1009,-5 0 0,3 3 0,-4 2 0</inkml:trace>
</inkml:ink>
</file>

<file path=ppt/ink/ink18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20.08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4 20 7565,'-5'0'1600,"1"0"-1149,3 0-349,-2 0 0,3-1 1,1 0-107,1-2 0,-1 0 1,3 2-1,2-1 95,-1 0 1,2 0 0,-1-1-158,1 2 1,-1 0 0,1 1 0,-1 0-99,1 0 1,-3 1-1,0 1 138,-1 2 0,1 2 1,-2 1 35,0-1 1,-2 1-1,-3 0 1,-1 1 2,-2 1 0,2-1 0,-1-1 1,-2 0 7,0 2 0,-2-2 0,2 2 1,2-2 5,0-1 1,0 1 0,2-1 0,0 1-4,0-1 0,1 1 0,2-1 6,0 1-30,0-1 1,0 1 0,1-1-5,1-2 1,0 2 0,2-3-1,2 2 1,1-2-14,2 0 1,2 0 0,-1-2 0,1 2-208,3-2 1,0 0 0,-1-1 223,0 0 0,0 0 0,0 0 0</inkml:trace>
</inkml:ink>
</file>

<file path=ppt/ink/ink18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21.37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103 7733,'-4'3'1189,"1"-2"-1131,3 5 143,0-5 1,1 1-226,1-2 0,-1-2 1,4-1-1,0 0 89,1-2 0,0-2 0,1-1 1,-1 0-103,1 0 1,1-2-1,0 1 1,-1-1-91,1 1 0,0 0 0,-2 3 180,1-1 0,-3 3 71,0 0-90,-2 2 0,1 0 0,-3 4 0,0 3 120,0 0 0,0 4 0,-1 0 1,-1 2-87,-3 0 1,0 1 0,0 2 0,1 1-53,-1 0 1,0 0-1,0-2 1,1-1-383,1-1 1,1 1 0,2-3 0,0 1-458,0 2 0,0-3 823,0 0 0,0-2 0,0-1 0</inkml:trace>
</inkml:ink>
</file>

<file path=ppt/ink/ink18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22.52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0 20 8309,'-3'0'1538,"0"-1"-1393,3-1 1,3 0-1,1-1-57,2 0 0,0 0 0,1 2-65,-1-2 1,1 1-1,-1 2-91,1 0 1,-1 0-1,1 0 55,-1 0 1,-1 2-1,-2 1-78,0 1 1,-1 0-1,-2 3 69,0-1 0,-2 1 0,-1-1 0,0 1-2,-3-1 0,1 1 1,-2-1-1,1 1-18,-1-1 1,1 1 0,-2-1-1,1 1 31,1-1 0,-2 1 1,3-1-1,0 1 76,1-1 1,1 1-1,2-1 1,0 1 33,-1-1 1,0 1-1,2-1 1,2 1-91,0-1 0,3-1 0,0-1 0,2 0-231,2 0 0,0 1 1,-1-3-1,2 0-341,0-2 1,0 0 562,1 0 0,-2 3 0,-2 1 0</inkml:trace>
</inkml:ink>
</file>

<file path=ppt/ink/ink18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6:25.52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98 7408,'3'-3'158,"0"0"0,2 2-129,-1-1 0,-2 1 0,2-2-46,-1 1 0,-1 0 0,1-2 0,1-1 28,2 2 1,-2-3 0,0 2-1,1-2-35,1-1 0,0 1 0,-1 0 0,-1 1 13,1 1 1,1-1 0,1 0-11,-1 0 0,-1 0-18,-1 3 48,-3 0 0,2 5 1,-3 1-1,-2 2 12,0 0 0,-2 1 0,1-1 0,0 1-10,0-1 0,0 3 0,2 0 2,-2-1 0,1-1 1,2-1-871,0 1-97,0-1 954,3 1 0,-2-3 0,2-2 0</inkml:trace>
</inkml:ink>
</file>

<file path=ppt/ink/ink18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6:27.58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293 7599,'1'-5'37,"0"0"1,2 1-1,0 0 337,0 1-370,2-2 0,-2-1 0,4-1 11,-1 1 1,0-1-1,-1 2 1,0 0-2,0 0 0,-2 4 11,2-1 30,-1 1 1,0 4 0,-2 2 0,-2 2-22,0 2 0,-2 0 1,-2-1-1,0 1-3,2-1 0,-1 0 0,1 0-125,1 0 0,0 1 0,1-3-177,0 1 0,3-3 0,2-2 271,3-2 0,-1 0 0,2 0 0</inkml:trace>
  <inkml:trace contextRef="#ctx0" brushRef="#br0" timeOffset="486">235 235 8613,'-4'1'392,"2"1"0,1 2-280,1 2 1,0 1 0,-2 1-1,0 2 21,1 0 1,-2 0 0,1 1 0,0-1-544,1 0 1,1-2 0,0-1 409,0-1 0,3 1 0,1-1 0</inkml:trace>
  <inkml:trace contextRef="#ctx0" brushRef="#br0" timeOffset="1374">541 7 7975,'-4'-3'179,"0"3"398,2-2-100,1 1-198,-4 1 1,1 0-232,-2 0 0,1 1 0,1 0 0,0 2-99,0 1 1,-2 0 0,2 2 0,-2 1 98,0-1 1,-1 1 0,1 0 0,-1 1-93,1 1 0,-1 2 1,1-2-1,-1 1 57,1 2 1,0-2-1,1 0 1,1 0-21,1 0 1,1-2 0,2 1 0,0-2 13,0-1 1,0 1-1,1-1 1,1 1-32,2-1 0,2-1 0,1-2 0,1 0-14,1-1 0,2-2 0,0 0 0,2 0-252,0-2 0,2-2 0,0-2 1,-1 1-899,0 1 1188,-1-1 0,0-1 0,0-1 0</inkml:trace>
  <inkml:trace contextRef="#ctx0" brushRef="#br0" timeOffset="1970">619 189 8423,'2'-3'-631,"0"0"788,2 3 1,-2 0 0,2 1 121,-1 1 1,1-1-480,-2 4 0,1-1 269,-3 2 0,0-1 0,-1-1-39,-1 1 0,-2 0 0,-2 0 0,0 0 12,1 0 0,0 0 0,1 0 0,0-1 10,-1 1 0,3-1 0,-1 0 0,-1 0-71,0 0 0,3 2 1,-1-2 8,1 2 1,1-2 0,0 1 0,1-1 1,1 0 1,-1 1 0,4-2 0,0-1-118,1 1 1,1-1-1,1-2 1,0 0-298,0 0 1,4 0 0,-1 0 421,1 0 0,3-5 0,1-3 0</inkml:trace>
  <inkml:trace contextRef="#ctx0" brushRef="#br0" timeOffset="2301">827 222 7440,'-4'6'361,"-1"1"1,2 0 0,0 2-338,0 2 1,-1-1 0,2 0-1,0-1-209,2-1 0,0 2 1,0-2-1,0 0 185,3-3 0,0 0 0,4-1 0</inkml:trace>
</inkml:ink>
</file>

<file path=ppt/ink/ink18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6:31.55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7 235 7926,'-4'-3'373,"1"2"0,6-2-315,1 3 0,2 0 1,1 0-15,-1 0 0,-1 0 0,-1 0 1,1 0-57,1 0 0,0 1 1,1 1 1,-1 0 0,-1 2 0,-2-1-73,0 1 0,1 0 0,-1 2 0,-2 1 1,0-1-1,-2 1 1,-1-1 27,-2-2 0,-2 4 0,-1-2 0,1 2 36,-1 2 1,1-3-1,-1 2 1,-1 0 28,-1 0 1,0 2 0,3-2 0,-1 0 34,1 1 0,1-2 0,2-1 0,0-1 39,1 1 1,2-1 0,0 1-10,0-1 0,0-1 0,0-2 0,3 0-1,1-1 0,2 1 0,2-1-22,1-1 1,0 0-1,-2-1 1,1 0-167,1 0 0,0 0 0,-1 0 0,1-1 68,-1-1 1,-1 1 45,-1-1 0,1 1 0,-1 1 0</inkml:trace>
  <inkml:trace contextRef="#ctx0" brushRef="#br0" timeOffset="286">7 384 8331,'-2'-4'857,"0"0"-412,0 2 0,2-1-422,3 3 1,0 0-1,4 0 1,0 0-133,2 0 0,-2 0 1,2 0-1,1 0-184,0 0 0,0 0 1,-1 0-1,0 0 293,0 0 0,2 3 0,-1 1 0</inkml:trace>
  <inkml:trace contextRef="#ctx0" brushRef="#br0" timeOffset="722">189 462 7983,'5'-2'140,"-1"0"1,0 0-1,3 2-98,-1 0 1,-1 0 0,-1 0-105,1 0 0,-1 0 1,-1 1 117,0 1 1,-1-1-1,-2 4-34,0 0 1,0 0-1,-3 0 1,0-1 4,-1 1 1,-2 1-1,2 0 1,-2 1 39,0-1 0,0 1 1,1-1-1,1 1-6,-1-1 0,1 1 0,0-1-36,1 1 1,1-3-1,2 1-53,0 0 0,3-2 1,1 1-98,2-1 0,1-1 1,0-2-1,1-1-1451,1-1 1576,2-2 0,-1-2 0,3-1 0</inkml:trace>
  <inkml:trace contextRef="#ctx0" brushRef="#br0" timeOffset="1522">410 7 8313,'-3'-3'-150,"0"3"603,3-3-171,0 3 1,3 2-1,0 2 1,2 1-160,-1 2 1,0 4 0,2 0 0,-1 1-23,0 1 0,-1 3 0,2 1 0,0 2-57,-2 0 0,2 4 1,-4 1-1,-1 1-45,0 1 1,-1 3-1,-2 1 1,-1 2-112,-4 0 0,-3 0 0,1-1 0,-1-3-428,1-2 1,-3 0 0,2 0 539,-3 0 0,0 0 0,0 0 0</inkml:trace>
</inkml:ink>
</file>

<file path=ppt/ink/ink18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14:50.18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8 78 8409,'-1'3'745,"-1"-1"-697,-2-1 0,0-1 0,0 0 53,-1 0 0,1 0 0,0 1-86,-1 1 1,-1-1-1,0 3 1,-1-1 29,1 1 1,-1 0 0,1 3 0,0-2 4,-1 0 1,1 1 0,-1 0 0,0 2-26,-1-1 0,1 1 1,-2 0-1,2 1-58,0 1 1,3 0-1,0 2 1,0-2-5,0-1 1,-1 2 0,3-1 0,1 1-19,0 0 0,1-3 1,0 2-1,0 0-9,0-3 0,3 3 1,1-2-1,2-1 29,0-2 0,3 1 1,0-2-1,0 0-52,0 0 0,3-2 0,-1 0 0,0-2 9,0 0 0,2 0 1,-1 0-1,-1 0-713,1 0 1,-1 0 790,0 0 0,1-2 0,-2-2 0</inkml:trace>
  <inkml:trace contextRef="#ctx0" brushRef="#br0" timeOffset="595">354 257 7803,'-7'0'-175,"3"0"0,0 0 360,-1 0 0,1 2 1,1 1-84,0 1 0,0-2 0,1 2-92,0 1 0,0 1 0,2 0 0,0 1 5,0-1 0,0 1 0,0-1 14,0 0 1,3-1 0,1-1-32,2 1 0,0-2 1,1-1-1,-1-1-16,1-1 1,-1 0-1,0 0 1,1-1-17,-1-1 0,1 0 0,-1-2 1,1-1 31,-1-1 1,-2-2 0,0-1-1,-1 1-27,-2-2 1,0 3 0,-1-2 18,0 0 1,0 3 0,-1-1 0,-1 1-1,-2 1-36,-2 2 1,0-2 0,-1 3-10,1 1 0,-1 1 0,1 2-18,-1 2 1,4 2-1,1 1 1,1 1-343,1 0 0,0 1 415,0-3 0,6 4 0,1 0 0</inkml:trace>
  <inkml:trace contextRef="#ctx0" brushRef="#br0" timeOffset="1258">520 244 7289,'0'7'158,"0"-3"1,0 0 0,0 2-45,0 2 1,0-1-1,0 2 1,0-2-48,0-1 1,0 1 0,1-2 0,1 0-66,0-1 0,3-2 29,-1 0 0,2-1 0,0-1-122,0 0 0,-1-3 0,-1-1 1,1-2 65,1 0 1,-2-1 0,0 1 0,-1 0-4,1 2 0,-2-1 0,1 2 16,0-1 1,0 3 124,-1-1 0,-1 4 0,1 2 1,-1 2 31,-1 0 0,0 1 0,0 0-59,0 1 1,0 0-1,0 0-53,0-1 0,3-3-31,1-2 1,2-1 0,0-2 0,0-1-14,1-3 1,-3 0-1,0-2 1,1 1-16,1 0 0,0-2 1,1 1-1,-1-2 18,1 1 1,-1 1-1,1 1 1,-1 1 17,0 1 1,0 2 0,-1-2 173,-1 2 1,0 0-13,0 4 1,-1 2-1,-3 2 1,0 1-93,0-1 0,0 3 1,0-1-1,0 0-56,0-1 0,0 0 0,1-2-523,1 0 1,-1-1-1,4-1 499,0-2 0,0 0 0,2-1 0</inkml:trace>
  <inkml:trace contextRef="#ctx0" brushRef="#br0" timeOffset="2174">880 283 6581,'0'-4'762,"0"2"1,0 4-683,0 3 1,0 0 0,0 2 0,0 0-51,0 1 0,0 2 1,0 3-1,0 1-28,0 1 0,0-1 0,0 3 0,0 1-66,0 0 0,0 1 0,-1-1 0,-1-2 48,0 0 1,0-2-1,2-3 1,0-1-239,0 0 0,0-2 122,0-1 93,0-1 0,0-3 0,0-3 0,0-4 2,0-1 1,-2-5 0,0 0-1,0-2 92,2-1 0,-2-3 1,-1-1-1,0-2 30,0 0 1,1-1 0,2 0 0,0 2 16,0 1 0,0 2 0,0 3 0,1-1-11,1 3 0,-1 1 1,3 2-1,1 1-38,1-1 1,1 2 0,-1 0 0,0 2-37,1 1 0,0 1 1,1-1-1,0 1-19,0 1 0,-1 1 1,0 0-1,-1 2 17,1 1 0,-2 0 0,0 2 3,-3 1 1,-2-1 0,0 1 0,0-1 79,0 0 0,-2 1 0,-1-1-80,-3 1 0,-1-2 0,-4 0 0,3-3-100,0-2 1,2 0 0,0 0 0,-1 0-27,1-2 0,2-3 1,-1-3-1,1-1 7,0-1 1,-1 0-1,3 0 1,1 1-237,0 2 0,3 0 0,1 1 0,1 0-85,1 2 0,3 1 422,0 3 0,3 6 0,-1 1 0</inkml:trace>
  <inkml:trace contextRef="#ctx0" brushRef="#br0" timeOffset="2650">1053 257 7831,'-4'1'-447,"1"0"652,0 1 1,3 3 0,-2 0-1,1 0-84,1 2 0,0-1 0,0 1-63,0-1 1,1 1-1,0-1-57,1 0 1,3-2 0,-1-2-1,2-1 1,1-1 0,-1-1-169,0-1 1,1-3 0,-1-3 0,0 1 102,-2-1 1,2 0 0,-3 2 0,2 0 177,-1 2 160,-3-2 0,2 6-220,-3 0 0,0 3 0,0 3 0,0 1 89,0-1 1,0 1 0,0-1-246,0 1 1,2-3 0,1-1-519,1 0 1,0-1-72,3-2 1,-1-2 690,0 0 0,-2-6 0,-1 1 0</inkml:trace>
  <inkml:trace contextRef="#ctx0" brushRef="#br0" timeOffset="3350">1290 1 7898,'0'8'216,"0"1"1,0 2 0,0 1-1,-1 1-33,-1 2 0,-1 6 0,-2-1 0,2 3-127,0 1 0,-2-3 0,1 2 0,1-2-119,1-2 1,0-1 0,1-3 0,-1-1-69,0-3 0,2-1 0,0-4-485,0 0 568,2-2 0,-1-5 0,1-4 7,-1-3 1,-1-2-1,0 3 1,0-2 179,0 1 0,0-1 0,0 0-27,0 2 0,0-1 304,0 2-262,0 2 1,1 4 0,0 3-136,1 0 0,3 1-169,0 0 0,0 1 0,2-3 4,-1-1 0,0 0 0,1-1 0,-1 1 33,1 1 0,-1-1 1,1 1 78,-1-1 1,0-1-1,1 0 1,0 0 100,1 0 1,0 0 0,0 0 0,-1 0 115,0 0 0,-1 0 1,1 0-81,-1 0 1,0-3 0,-1-1 0,-2 0-5,0 0 0,1-1 0,-2-1 0,1 0-23,-1-1 1,-1 3-1,1 0 1,-1-1 7,-1-1 0,0 2 1,-1-1-12,-1 0 0,-1 3 0,-4-1-21,1 3 0,-1 0 0,1 0 1,0 3-51,2 1 0,-2 4 1,3 2-1,-2 1 3,1 0 0,3-1 0,-1 3 0,1 0 36,1 0 1,0 0 0,1 0 0,1-1-56,2-2 0,4 1 0,2-4 0,1-2-455,3-1 1,2-2 0,1-4 468,1-2 0,3-3 0,4-6 0</inkml:trace>
</inkml:ink>
</file>

<file path=ppt/ink/ink18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14:55.45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25 296 7948,'-3'1'493,"1"1"0,1 2-515,1 2 1,-2 1 0,0 1 0,0 1 0,-1 0 0,1 0-1,1 0 1,0 0-627,1-1 1,0-1 647,0-3 0,3-3 0,1 2 0</inkml:trace>
</inkml:ink>
</file>

<file path=ppt/ink/ink18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14:57.8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1 33 6956,'-1'-4'574,"-1"2"0,2 1-134,-3-1 51,3 1-379,-3-2 1,1 3-84,-2 0 0,3 1 1,-2 0-1,1 2 14,0 1 0,-3 0 1,2 2 5,0 1 1,-1 1 0,-1 1 0,2 1-41,0 2 0,-1 0 1,1 1-1,0 0 24,0-1 1,1 1 0,2 0-1,-1 0 15,-1 0 0,1 0 0,-1-1 0,2 1-8,0 0 0,2-2 0,0-1 0,0 1-7,1-1 0,0-1 0,2-2 0,-1 1-19,1 1 0,1-3 1,0-1-1,1-1-70,2-1 0,-2 0 0,1-3 0,0 0-36,1 0 0,-2 0 1,2 0-1,0-3 28,-1-1 0,1-2 0,-3-2 1,1-1 20,-1-1 1,0-1 0,1-3 0,-1 0 25,-2-1 1,2-3-1,-3 1 1,1-1 8,-2 1 1,-1-3-1,-1 0 1,0 0 9,0 1 1,-3 1 0,0 2 0,-1 1-41,-1 3 1,-5 2 0,4 4 0,-1 0 47,0 2 0,0 1 0,0 4 1,0 3-83,1 2 1,-2 5-1,4-1 1,0 0-64,0 1 0,2-1 0,0 2 1,1-2-471,1-1 0,3-1 605,1-1 0,2-1 0,1 1 0</inkml:trace>
  <inkml:trace contextRef="#ctx0" brushRef="#br0" timeOffset="504">135 238 8142,'1'4'291,"0"1"-110,2 2 1,2 0 0,-1 2 0,1 0-117,2-1 1,0 3 0,1-3 0,0 0 0,1-1-451,0 0 1,-1-1 0,2-1 384,-1-1 0,3-3 0,-2 2 0</inkml:trace>
</inkml:ink>
</file>

<file path=ppt/ink/ink18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15:08.32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3 0 7105,'-4'2'0,"-1"0"0,1 0-576,0 1 0,2-1 562,2 2 1,-1-3 46,-1 2-94,1 0-72,-2-2 111,3 2 22,0-3 1,-3 0-1,0 0 1</inkml:trace>
  <inkml:trace contextRef="#ctx0" brushRef="#br0" timeOffset="254">1 32 7807,'0'-3'667,"0"-3"461,0 5-669,0-2 0,0 4-188,0 1 0,0 2 0,0 2-383,0 0 0,0 1 1,0-1-1,0 1-388,0-1 0,0-2 1,0 1 499,0 0 0,3-2 0,0-1 0</inkml:trace>
</inkml:ink>
</file>

<file path=ppt/ink/ink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6:59.36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84 9 7891,'0'-5'1213,"0"1"-1114,-4 4 0,-1 0-82,-4 0 1,1 3 0,-1 1-112,0 1 0,0-2 1,1 2 66,-1-1 0,0 0 1,0-2-1,1 0-35,-1 0 1,0 2 0,1 0-1,-1 0-5,0 0 1,1 0 0,2-2 10,0 1 91,0 4 0,0-6 40,0 5 1,4-3 30,-1 3 0,2-3 1,2 2-48,2-1 1,-1 1 0,3-1-81,-1 1 0,3-2 1,-1 2-26,1-1 0,2 2 0,0-3 0,0-1-88,-1-1 0,2 1 0,1 1 0,0 0-226,0 1 1,-1-3 0,-2 3-1,1-1-301,0 0 661,0 0 0,-1 1 0,1 0 0</inkml:trace>
  <inkml:trace contextRef="#ctx0" brushRef="#br0" timeOffset="1851">376 219 6117,'0'-6'1132,"0"0"-569,0 4-281,0-2-5,0 4-236,0 0 1,0 4-46,0 2 1,0 2-1,0 1 1,0-1-3,0 1 0,0 3 1,-1 0-1,-1 1-65,-1 0 1,-3 1-1,4-2 1,0-1-22,1-2 1,1 0 0,0 0-263,0-1 327,0 1 0,0-3 157,0 0 1,0-5-91,0-1 1,0-4-1,0-5-41,0 0 0,0 0 0,0-2 6,0-1 1,0 1-1,0 2-14,0 0 0,0-2 1,0-1 14,0 1 1,3 5 0,-1 0 0,0-1 11,-1-1 0,2 2 0,0 0 1,0 1 39,1 0 1,-2-3 44,4 2 1,-3-2-45,2 0 1,-2 3-56,3 2 0,-3 2 14,3 1 1,-3 0 0,2 1-2,-1 2 1,-1-1 0,-3 4 0,1 0-13,1 2 0,-1-2 1,2 0 10,-2 1 0,-1-3 1,0 2 77,0 1 1,0-2-13,0 1 1,-1-4 0,-1 2 0,-2-1-46,0-1 1,1 2 0,-3-2-31,-1 1 1,2 0 0,-1-2-12,0 2 0,1-2 0,-1 2 1,4 2 78,-1 1 0,2-2 1,1 2 10,0 1 0,0-2 1,1 0-1,1 0-36,1-1 1,3-1-1,-2 2 1,0 0-65,3 0 1,-2 0 0,1 1 0,0-3-251,-1 1 0,2 0 1,-1 3-304,2-1 1,1-3 0,-1 2 566,1-2 0,0 4 0,0-2 0</inkml:trace>
</inkml:ink>
</file>

<file path=ppt/ink/ink19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16:47.28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29 13 7087,'4'-3'27,"-1"2"415,-3-2 587,0 3 1,-2 0 0,-1-2-907,-1 0 0,2 0-87,-2 2 1,-1 0 0,0 1-15,0 1 1,0-1 0,0 3-22,0-1 1,-1 2 0,1-2-1,1 2-67,-1-1 0,1-1 0,0 2 0,0 0 45,0 0 1,-1 0-1,2 2 1,0-1-71,-2 1 0,1 0 1,1 1-1,0-3-28,1 1 1,1 0 0,-1 0 73,0 1 1,0-1-1,2 0-14,0 1 1,2-1 0,1 1-11,1-1 1,0 0 0,2 1 21,1-1 0,-1-1 0,-1-2 0,-1 1-36,1-1 0,1-1 0,0 3 0,0-1 21,1-1 1,-1 3 35,1-2 1,-2 2 0,0 1-15,-3-1 1,-2 0 0,0 1 0,0-1 205,0 1 1,0-1-1,-2 0 1,-1 1-17,0-1 1,-2 1 0,-3-1 0,-1 0-201,2-2 1,0 1 0,0-3 0,0 0-135,-2-2 0,2 0 0,-1 0 1,1 0 31,0 0 1,3-4 0,0-1 0,-1 0-1323,2-1 1474,0 1 0,3-2 0,0 1 0</inkml:trace>
</inkml:ink>
</file>

<file path=ppt/ink/ink19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16:48.78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4 20 6673,'-1'-3'295,"0"0"266,-2 0-183,1 2-72,-1-2-115,3 3-112,-3 0 0,3 3 0,0 2-26,0 0 0,0 4 0,0 2 1,0 1-23,0 1 1,0 3 0,0 2 0,0 2-35,0 1 0,0 0 0,0-4 0,0 1-111,0-1 0,0-1 0,0-2 0,0-2-64,0-1 0,1-3 92,1 0 0,-1-1 42,3-3 1,-2-2-1,0-4 1,-1-2-14,-1-2 0,0 0 0,0-1 1,0-2 41,0-2 0,0 1 0,0 0 0,0-2 37,0 0 0,0-1 0,0 1 0,0-1 10,0 3 0,0-4 0,0 3 1,0-1 2,0 0 1,0 1 0,0-1 0,2 2 21,0-2 0,2 3 0,-1 1 0,1 0-28,1 2 1,-2 0 0,1 0 0,1 1 32,1 1 0,1 2 0,-1-2 0,0 1-40,1 2 0,1 0 0,1 1 0,-1 0 36,2 0 0,-3 3 1,1 1 22,0 2 0,-3 2 0,-1 1 1,-1-1 194,0-1 1,-2 0 0,0 1-1,-2 0-96,-3 0 0,-2 1 0,-1 1 0,-1-1-233,-1 0 0,0-2 0,1-3 0,-2 0-113,0 0 0,0-1 1,2-3-1,-1 0-124,1 0 1,1-3 0,1-1 0,-1-2-168,1-1 0,2 1 1,2 0-1,2 0 457,2 2 0,2-2 0,2 2 0</inkml:trace>
</inkml:ink>
</file>

<file path=ppt/ink/ink19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0:55.83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54 97 8098,'3'-4'330,"-1"-1"0,-1 4 79,-3-1 0,1 1-86,-4 1 0,3 0-174,-2 0 0,2 0 0,-2 1-245,1 1 1,0-1-1,1 1 35,-2-1 0,-2 1 0,0 0 46,-1 2 1,1 0 0,0 1-1,-1-1-35,1 1 0,-1 0 0,1 1 0,0-1-33,-1 0 0,3 2 1,0-3-24,-1 2 0,2 0 0,0 0 33,0 1 0,2-3 1,-1 0-6,1 1 0,4-1 0,-1 0 42,2-2 1,0 3 0,3-2 0,-1-1 29,1 1 1,-1 0 0,1-1 0,1 0-4,0-1 0,1 2 0,-3-1 1,1 0 31,-1 1-40,1-2 104,-4 4-98,3-1 7,-5 2 0,2-1 0,-3 0 1,0 1 106,0 2 0,-1 1 0,-1-1 0,-3 1-73,0-2 1,-4 3-1,0-2 1,0 0 9,-1-1 1,1-2 0,1-2 0,-1 0-27,-1-2 1,2 0-1,0-1 14,0 0 0,2-1-9,0-1-160,-1-1 1,3-4 0,0 1 0,2-1-795,0 1 586,1 0 300,1 2-135,0 1 103,3 3 81,1 0 0,2 0 0,1 0 0</inkml:trace>
  <inkml:trace contextRef="#ctx0" brushRef="#br0" timeOffset="687">321 251 7027,'4'0'578,"1"0"1,-3 0-239,2 0-233,0 0 1,2-1-124,-2-1 1,1 1 38,-3-4 1,1 3 89,-3-2-71,0 2 0,-3 0 1,-2 2-20,0 0 0,-2 0 1,1 0-1,-1 0-23,-2 2 1,2 1-1,-1 2 1,0 0-10,2 0 0,0 0 0,-1 2 0,1-1-9,-1 1 1,3-1 0,1 0 0,-1 1-12,0-1 0,3-2 0,-1 1 0,1 0 25,1 0 1,2 0 0,1-2 0,1 0-5,1-1 1,0 0 0,3 1 0,-1-2-17,2 0 1,2-2-1,0 0 1,1-2-220,1 2 1,-1-2 0,-1 0 0,0 0 242,1 1 0,0-3 0,1 1 0</inkml:trace>
  <inkml:trace contextRef="#ctx0" brushRef="#br0" timeOffset="1070">526 225 8098,'-6'3'199,"0"1"1,-1 0 0,1 0 0,-1 1 93,1 1 0,-1-2 0,1 0 0,0 1-250,2 1 0,-1 1 0,2-1-6,0 0 1,1 1-1,-1-1 1,1 1-145,0-1 1,0 0 0,3 1-36,1-1 1,1 0 0,4-2 0,-1-2 48,1-1 1,2-1-1,2 0 1,0-1-649,0-1 0,3 1 741,-1-3 0,1-4 0,-1-2 0</inkml:trace>
  <inkml:trace contextRef="#ctx0" brushRef="#br0" timeOffset="1382">655 238 7682,'-1'6'-265,"0"-1"0,-2 0 1,2 1 92,0 2 154,1 1 203,0 0 1,-2 0 0,0 2-1,1-1 1,0 0 0,1-2-25,0-1 1,0-3-1,1-1 1,0 1-4,1 0 0,3-3 1,-1 0-63,2-2 1,0-3 0,1-2 0,-1 0-111,1-1 1,-1 0 0,1-1 0,-1 0-187,0 0 1,1 1 0,-1 1 0,1 1 0,-1 2 0,0 0 199,1 1 0,-1 2 0,1 0 0</inkml:trace>
  <inkml:trace contextRef="#ctx0" brushRef="#br0" timeOffset="1742">847 270 8547,'7'0'-171,"-1"-1"0,0 0 123,1-1 0,-2-3 1,0 1 68,0 1 1,-3-2 0,1 2 0,1-1-147,0-1 0,-3 2 162,1-2 1,-2 4 0,-2 0 0,-2 1-27,-2 2 1,0 4-1,-1 0 1,0 2 2,-2 0 1,2-1-1,0 2 1,1 1 27,2 0 1,0 2 0,0-2 0,2 1 1,1-1 1,1-2-1,0 1 1,1 0-10,1 0 1,1-3-1,4-2 1,0-2-41,1 0 1,0-1 0,3-1 0,0-1-222,1-1 1,3-2-1,0-3 1,0-2 225,1-1 0,-2-2 0,1-1 0</inkml:trace>
  <inkml:trace contextRef="#ctx0" brushRef="#br0" timeOffset="2081">1136 1 7945,'-4'5'103,"1"0"114,0 3 1,2 2 0,-3 3-67,-1 6 0,-1-1 0,0 8 0,-1 1 0,1 0 70,-1 0 1,2 1-1,0-2 1,1-2-106,1-1 1,1-1-1,2-4 1,0-1-308,0-2 1,0-2 0,1-2 0,0-3 0,2-1-1,1-3 1,0-3-32,0-2 0,1-5 0,-3-6 0,1-1 0,0-3 67,-1 0 0,0 1 1,1-2 163,-2 1 1,0 0 0,-1 3 0,0 1 324,0 2 1,0 2-1,0 2 67,3 2 0,-3 2-287,2 4 0,0 0 0,-1 4 1,2 0-169,1 1 1,1 0-1,2-2 1,3-1 53,0-1 0,3 2 0,4-2 0</inkml:trace>
  <inkml:trace contextRef="#ctx0" brushRef="#br0" timeOffset="3075">1540 232 8128,'-4'0'522,"-1"0"0,1 0 0,-2 2-305,-1 0 1,3 1 0,0-2-1,-1 2-136,-1 1 0,2-2 0,-1 1 1,1 1-123,1-1 1,-3 0 41,2 1 0,-1 0-262,0 3 1,3-3 15,4 0 0,2-2 0,2 2 178,1-1 0,-1-1 0,1 0 25,-1 0 0,-2 2 0,0-1 26,-1 1 1,-1 0-1,-2 2 66,0 1 1,-3-1 0,-1 0-99,-2-2 0,0-1 0,-1-3 0,1 0 5,-1 0 0,1 0 0,-1 0 0,1-1-189,0-1 1,1-1-1,2-4-151,0 1 1,1-1 0,2 1-164,0 0 1,3 2 545,1 2 0,4-2 0,2 1 0</inkml:trace>
  <inkml:trace contextRef="#ctx0" brushRef="#br0" timeOffset="3582">1649 20 7355,'-1'-4'-1163,"-1"2"1278,1 4 0,-2 3 0,3 3-2,-2 0 0,1 3 0,-2 0 1,1 2-1,-1 2-19,-1 2 0,1 4 0,-2 2 0,1-1-27,-1 0 0,0 6 1,0-6-1,1 0-79,1-2 0,1 0 0,2-5 1,1-1-93,1-3 0,2 0 0,2-4 1,0-2 78,1-1 0,1-2 0,2-2 0,-1-1-10,0-1 1,2-1 0,-3-2 0,1 0 34,0-2 0,-2 1 0,2-1 1,-2 2 15,-1 0 0,-1 2 1,-1 0 162,1 1 0,-2 2-25,-1 0 0,-1 2 0,-1 6 1,0-1-198,0 2 1,0-1-1,0-1 1,0-1-257,0 1 0,3-4 0,1-1 123,1-1 0,2-1 176,-1 0 0,1-3 0,-1 0 0</inkml:trace>
  <inkml:trace contextRef="#ctx0" brushRef="#br0" timeOffset="3925">1867 283 7895,'3'-2'-132,"-3"0"1,-1 0 0,-3 2-267,-1 0 0,-1 0 553,0 2 1,-1 2 0,2 2-39,0 1 0,0 0 0,2 1 0,1 0 0,-1 0-127,1-1 0,2 0 1,0-1-126,0 0 1,2 0 0,3-2 96,0-1 1,4-3 0,0 0 0,-2-3 0,1-1 0,-1-2 0,0 0 0,2 0 0,-2-1 0,-1 1 30,-2-1 1,0 2 75,3 0 0,-4 2 60,0 1 0,-1 2 0,1 0-37,-2 3 1,0 4 0,-1 1 0,0 0-276,0 0 1,-2-1 0,-1-1-83,2 1 0,3-1 265,2-2 0,2 2 0,0-3 0</inkml:trace>
  <inkml:trace contextRef="#ctx0" brushRef="#br0" timeOffset="4207">2021 296 7895,'0'-4'623,"0"6"1,0 5-621,0 0 0,0 0 0,0-1-140,0 1-86,0-4 200,0 0 0,3-3 0,1 0 0,2-3-40,0-1 1,1-2 0,-1 0-32,0 0 1,3-1 0,-1 1 0,0 0-228,-1 2 1,0-2-1,-1 3 1,1-2-2,-1 1 0,1 3 0,-1-2 322,0 3 0,1-3 0,-1-1 0</inkml:trace>
  <inkml:trace contextRef="#ctx0" brushRef="#br0" timeOffset="4492">2175 251 7895,'4'0'-327,"0"0"1,-1 0 0,1 0 273,1 0 0,-2 0 1,2 0 87,0 0 0,-2-1 0,1-1 0,-1-2 0,0 0 0,0 0 4,-2-1 16,0 2 1,-2 0-1,-1 4 8,-2 1 1,-2 1-1,0 3 1,-1-1 33,1 2 1,0 2 0,0-1 0,1 0-9,1 0 0,2 1 0,0 1 0,1-1-85,1 0 0,0 0 0,1-2 0,1 0 32,3-1 0,3 2 0,3-6 0,2-1-36,2 0 0,1-4 0,3-1 0</inkml:trace>
</inkml:ink>
</file>

<file path=ppt/ink/ink19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1:01.48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22 20 8030,'4'-3'718,"-2"0"-161,-4 3 1,0 0-112,-2 0 0,0 0-368,-3 3 1,1-3 0,0 3 0,1 0-137,1 1 1,0 0-1,-3 0 1,1 1 3,-1 1 1,0 0 0,0 1-1,0-1-91,1 0 1,1 1 0,0-1 0,0 1-18,3-1 1,2-2-1,0 1 1,0 0 52,0 0 0,2 2 0,1-1 0,0 0 91,2-2 1,3 2 0,0-3 0,1 2 23,0-1 0,-2 0 1,3 1-1,-2-2 23,1 0 0,-1 2 0,-1-1 1,-2 0-7,0 0 1,0 0 0,-3 3 0,-1-1 154,0 1 1,-2-1 0,-1 1-1,-2 1-140,-2 1 0,-3 1 1,-1-1-1,0-2-71,1-2 0,0 0 0,0-3 0,0-1 35,-1 0 1,2-1-1,1 0 1,1-1-170,0-1 0,0-3 0,1-5 1,1 1-245,1 0 1,1-2 0,2 3 0,0 0-195,0 1 0,3 1 605,1 2 0,2-2 0,1 2 0</inkml:trace>
  <inkml:trace contextRef="#ctx0" brushRef="#br0" timeOffset="622">244 322 8074,'0'-7'781,"-1"4"-580,-1 1 1,1 2 0,-1 2-246,2 2 1,-2 4-1,-1 1 1,1 0-82,-1 1 1,3-1-1,-2-1 1,1 1-1114,1 1 1238,0-2 0,0 4 0,0-2 0</inkml:trace>
  <inkml:trace contextRef="#ctx0" brushRef="#br0" timeOffset="1223">507 27 7909,'0'-5'-752,"0"1"790,0 3 0,-1-2 0,-1 5 69,-2 0 1,0 2-1,0-1 1,-1 1-64,-1 1 0,0 0 0,0 2 1,-1-1 1,1 1 1,0 1 0,1 1 0,1 1-1,-1-1 1,0 2-1,0 0 1,1 1-22,1 1 0,-1 2 0,2 0 0,1-1 3,0-3 1,1 2 0,0-2 0,0-1 4,0 0 1,2-3 0,1 2 0,0-3 6,2-2 0,2 1 1,1-2-1,0-2 3,0 0 0,1-1 0,0 0 0,-1-1-9,-1-1 1,-1-2-1,1-2 1,0-1 9,0 1 0,1-2 0,-4-2 0,1 0-32,-1-1 1,1-1-1,-2-1 1,0-1-8,0-1 1,-1 2 0,-2-2 0,0 2-118,0 2 1,-3 0 0,-1 2 0,-2 2-162,0-1 0,-1 5 0,1 1 0,-1 2 133,1 2 0,0 1 0,0 5 0,1-1 140,1 2 0,-1 2 0,-1-1 0</inkml:trace>
  <inkml:trace contextRef="#ctx0" brushRef="#br0" timeOffset="1488">513 193 7909,'0'7'111,"0"-1"0,1 1 1,1-1-124,0 0 0,3 3 0,-1 0 0,2-1-162,0 1 0,1-2 0,-1 1 0,0-2 174,1-2 0,2 1 0,1 1 0</inkml:trace>
  <inkml:trace contextRef="#ctx0" brushRef="#br0" timeOffset="2244">725 283 7725,'0'7'297,"-1"-1"1,0 1-232,-1 2 0,0-2 0,2 3 0,-1 0-13,-1-2 1,1 1 0,-1-1 0,1 0-584,1-1 530,3 0 0,1-1 0,2 1 0</inkml:trace>
  <inkml:trace contextRef="#ctx0" brushRef="#br0" timeOffset="2911">847 1 7919,'0'5'207,"0"1"1,0 1-144,0 3 1,0 0 0,-1 4 0,0 1-8,-1 2 1,0 2 0,1 0-1,-1 1 54,0 1 0,-2-1 0,2 2 0,0-1-245,-1-2 1,2 0-1,-1-5 1,1-3-49,1-1 0,2-1 0,1-4 95,1 0 0,-2-2 1,2-5-1,1-1 44,-2-4 0,3-6 1,-3 0-1,2-2-42,-1-1 0,0-2 0,0 1 0,-2-1 104,-1 1 0,-1-3 0,2 3 0,0 1 4,-1 0 0,0 2 1,-1-1-1,0 2 35,0 2 0,2 0 0,1 3 1,0 0-6,0 1 1,2 0 0,-1 1 0,1 1 87,-1 1 0,2 3 1,-2-1-1,2 1-32,0 1 0,1 3 0,-2 2 0,0 2-16,0 1 1,-3 4 0,1-1 0,0 1-26,-1 0 1,-2-1 0,0 0-1,-2 0-51,-3-1 1,0 1 0,-2-2 0,1 0-163,-1 1 1,1-4 0,0-2 0,-1-1-36,1-2 0,-1 0 0,1-1 1,0-1-64,2-1 0,-1-2 0,3-3 1,0-1-205,2 0 1,0-3 0,0 3 446,0 0 0,2-2 0,2 0 0</inkml:trace>
</inkml:ink>
</file>

<file path=ppt/ink/ink19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1:10.11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7 51 10687,'-2'5'43,"0"-1"0,-1 0 0,2 1 0,-2-1 0,0 1 0,0 1 1,0 0-45,0 0 1,-2 1 0,1 1 0,-1 2 0,0 0 0,1 1-7,1 1 0,-2 1 0,2 0 0,-2 0 19,1-1 1,3 3 0,-2 1 0,1 0-39,0-1 1,-1 2-1,3-1 1,0 0-110,0 0 0,3-2 1,2-1-1,0 0-230,2 0 0,1-1 0,2-1 0,0-1-581,1 0 1,0-2 945,0-4 0,1 2 0,-2-3 0</inkml:trace>
  <inkml:trace contextRef="#ctx0" brushRef="#br0" timeOffset="653">257 244 8756,'-6'0'774,"1"0"-621,1 0 1,2 2-1,-2 1-248,-1 0 1,1 0-1,1 1-29,0 1 0,-2 1 1,3 0 44,1 0 0,0-1 0,1-1 46,0 1 1,1 0 0,1 0 21,2-1 0,2 0 0,0 0 1,0-1 1,-2 0 1,2-2-1,-2 3 1,2-1 1,0-2 1,-1 2 0,-2 0 0,0 0 40,-1 2 0,-2 1 0,0 0 0,0 1-18,0 2 1,-3-2 0,-2 2-1,-1 0-48,0-1 1,-4 1-1,3-3 1,0 0-24,0-2 1,1-1-1,-1-3-288,1 0 1,0 0 0,2-3-201,2-1 0,1-4 543,1 0 0,6-4 0,1 2 0</inkml:trace>
  <inkml:trace contextRef="#ctx0" brushRef="#br0" timeOffset="1231">411 96 7838,'0'-6'523,"0"2"768,0 2-1171,0 2 1,0 2-1,0 3 1,0 2-78,0 2 1,0 5 0,0-1 0,-1 3 68,-1 2 0,-1 1 0,-4 2 0,1 2-171,2 0 0,-2 1 0,3-3 1,-1 0 62,2-1 0,1-4 0,1-1 0,0-4-58,0-2 0,3-2 0,2-1 49,0-2 1,2-1-1,-1-4 1,1-1-58,-1-2 1,3-4 0,-1-2-1,0 1-116,-1 0 0,2-3 0,-2 2 0,0 1-573,-2 0 0,-1 1 751,3 0 0,-1 0 0,0-1 0</inkml:trace>
  <inkml:trace contextRef="#ctx0" brushRef="#br0" timeOffset="1552">449 372 8566,'0'7'207,"0"-1"0,0-2 0,1 1-199,1 0 0,2 0 1,2-1-1,1 0-8,-1-1 0,1 2 0,-1-2 0</inkml:trace>
  <inkml:trace contextRef="#ctx0" brushRef="#br0" timeOffset="2341">642 257 7563,'-4'3'300,"1"-3"418,1 2-145,1-1-567,-2-1-22,3 3 1,3-2 0,1 1-86,2-1 0,0-1 0,1 0-161,-1 0 1,1 0-1,-1-1 1,0-1 261,1 0 0,-1-3 0,1 2 0</inkml:trace>
  <inkml:trace contextRef="#ctx0" brushRef="#br0" timeOffset="2679">616 334 9150,'3'3'487,"1"0"1,2-3-405,0 0 0,1 0 0,0 0 0,1 0-344,0 0 0,1 0 0,-3 0 1,1 0-991,-1 0 1251,1 3 0,2-2 0,1 1 0</inkml:trace>
  <inkml:trace contextRef="#ctx0" brushRef="#br0" timeOffset="3168">841 263 8567,'-4'0'1084,"1"0"0,6 3-1048,1 1 1,0 2 0,0 0 0,1 1-59,-2-1 0,3 3 0,-2-1 0,2 0-367,0-1 0,1 0 1,1-2-1,1 0-640,-1 0 1,-1-4 1028,-1 1 0,3-1 0,1-1 0</inkml:trace>
  <inkml:trace contextRef="#ctx0" brushRef="#br0" timeOffset="3465">854 385 8014,'4'-6'87,"0"-1"0,0 1 63,0-1 1,2 1-1,-2-1 1,2-1-106,3-1 0,-1-1 0,2 0 0,1 1-323,-1 0 0,2 0 0,-2 3 0,0 0 278,-1-1 0,1-2 0,0-1 0</inkml:trace>
  <inkml:trace contextRef="#ctx0" brushRef="#br0" timeOffset="4073">1078 7 7913,'0'-4'426,"2"2"0,1 4 0,0 3-56,0 3 1,2 1 0,-2 3-1,2 0-137,-1 2 1,-1 5 0,2 1-1,-2 2-31,-1 2 1,-1 1-1,1 2 1,-1 2-362,-1 1 1,-2 4 0,-2-3 0,-1 0-229,-2-2 0,-1 2 0,1-8 0,-1 0 387,0-3 0,-4-1 0,2 1 0</inkml:trace>
</inkml:ink>
</file>

<file path=ppt/ink/ink19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1:49.30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26 7740,'0'-4'-1709,"0"-1"1709,0 4 0,-1-2 113,-1 3 0,1-1 1281,-1-1-1164,1 1-184,1-1 0,0 1 16,0-1-50,0 1 74,0-2-22,0 3 0,0 3 0,1 1 0,0 2-43,2 0 1,-1 2-1,-2 0 1,0 3-25,0 1 1,0 1-1,0 0 1,0 2-23,0 0 1,0 0-1,0-3 1,0 1-25,3 0 0,-2-3 1,3-1-1,-2-2 28,0-1 0,1-2 0,2 0 21,0-1 0,2-1 0,-1-2 4,1 0 0,-1 0 1,0 0-15,1 0 0,-3-1 1,0 0 7,1-1 1,-1-1 0,0 3 1,0 3 0,0 2 56,-2 0 1,1 2 0,-1-1-17,0 1 1,1-1 0,1 0 0,2-2 0,1-1 50,2-3 1,0-5 0,2-2 0,-2-3 123,0-1 0,-1-3 0,2-2 1,0 0-139,0-2 0,-2 1 1,1 0-1,-2 0 8,-1 1 0,0 0 1,1 4-1,-1 1-955,-2 3 0,1 1 870,-3 0 0,3 1 0,-1-1 0</inkml:trace>
</inkml:ink>
</file>

<file path=ppt/ink/ink19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1:52.40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3 1 7444,'5'0'-137,"-1"0"0,-2 1 29,2 1 1,1-2 107,1 3 0,0-1 1,1 1-1,-1-2-79,1 0 0,-1-1 79,0 0 0,1 3 0,-1 0 0</inkml:trace>
  <inkml:trace contextRef="#ctx0" brushRef="#br0" timeOffset="416">0 103 8123,'5'0'98,"-1"0"1,1 0 10,1 0 0,0 1 0,1 1 0,2 0-100,2 2-9,1-3 0,0 5 0,1-2 0</inkml:trace>
</inkml:ink>
</file>

<file path=ppt/ink/ink19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2:00.15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9 7 8220,'0'-4'422,"0"1"1,0 3-139,-3 0-244,3 0 0,-4 0 0,3 1-135,-1 1 64,-1-1 0,3 2 8,-2-3 1,0 0 0,-2 3 1,0-2 8,-3 3 1,3-2-1,0 1-28,-1-1 1,1 0-1,0 1 9,-1 0 0,1 2 1,1-3-1,-1 1-10,1 0 1,1 2-1,-1-1-30,0-1 0,2 3 1,-3-2 4,2 2 1,0-2-1,2 0-16,0 1 0,0 1-2,0 1 1,0-1 48,0 0 0,0-1 0,0-2 44,2 0 0,1 0 0,2-2 0,-1 1-6,1 0 0,-1-1 1,0-1 4,1 0 0,-1 0 13,0 0 0,-2 0-9,0 2 0,-2 2 0,0 2-13,-2-2 1,0 1-1,-1-2 1,-1 0-30,0 0 1,2 1-1,-1-1-41,0 0 1,-1 2 65,1 1 1,1-3-1,0 0 23,0 0 1,0-1 6,2 2 1,0-2 13,0 2 0,0-2 6,0 3-14,0-1 0,0 2-11,0 1 0,0-3-23,0 0 0,-1 1 1,0 1-16,-1 0 1,0-1-1,1-1 12,-1 1 1,1 1 0,-2-1-1,1 0 1,0 0 1,0-1 0,2 2 0,-1 0 18,-1-2 1,1 2 0,-1-2 0,1 2 66,1 0 1,0-1-1,0-1 24,0 1 1,0 1-44,0 0 1,3 1-53,1-1 0,2 0 0,0-1-98,-2-1 0,2-2 0,-2 2 0,2-2-295,0 0 0,1 1 0,0-1 0,1-1 384,0 0 0,3-4 0,-1 0 0</inkml:trace>
  <inkml:trace contextRef="#ctx0" brushRef="#br0" timeOffset="2248">379 90 6601,'3'0'1021,"0"0"73,-3 0-972,-3 0 0,2 0 69,-3 0-132,2 0 1,-1 0-15,0 0 0,2 0-56,-3 0 1,2 0 7,-3 0 1,4 1-1,-2 0 17,0 1 0,2 1 1,-3-3 7,1 2 1,0-1 55,1 1 0,-1 1-58,-4-1 0,4 1 1,0-1-3,0 0 1,2 2-1,-3-1 1,1 0-12,-1-1 1,2 1 0,-2-1-25,1 3 1,-1 0 0,1 1 0,0-1 4,1-1 1,-3 1 0,2 1 2,0 1 0,1-1 0,-2 0 7,1 1 0,1-1 1,0 1-1,0-1-44,1 0 0,0 1 0,1-1 0,-1 1 30,-1-1 1,1 0 0,-1 1-1,1-1 9,1 1 0,0-1 0,0 1 1,0-1-21,0 0 1,3 1 0,1-1 14,-1 1 0,2-3 1,-2-1-1,1 1 36,1 0 0,0-3 1,2 1-1,0-1-22,2-1 0,-2 0 0,3 0 1,0 0-84,0 0 1,-1-3 0,1-1 0,0 0-169,0 0 1,0 2 0,1-3 0,-1 1 248,-1 1 0,3-3 0,-2 2 0</inkml:trace>
  <inkml:trace contextRef="#ctx0" brushRef="#br0" timeOffset="3206">565 141 7415,'0'-3'1009,"-1"0"-705,-1 3 1,0 0-231,-2 0 0,2 0 0,-2 1-148,2 1 1,-1-1-1,1 1 1,0 1 69,1 2 0,-2-2 1,1 1-1,0 1-8,-1-2 1,1 3 0,-1-2-1,0 2-32,2 0 0,-2 1 0,1-1 0,0 1 41,1-1 1,1 3 0,0-1 0,0 0 3,0-1 1,0 2 0,0-1 0,0 0 2,0-1 1,1 2 0,1-1 0,0 0-14,2-1 0,0 0 0,0-1 1,1 0-17,0 1 0,0-3 0,2 0 1,-1-1 16,1-2 1,-1 2 0,1-1 0,-1-1 39,0 0 0,3-1 0,-1-1 0,0-1 0,-1-1 0,0-4 0,-1 1 3,1-1 1,-3-1-1,0-1 1,-2-1 22,0 1 1,1-4-1,-1 0 1,-1-1-40,0 1 0,-1-2 0,-1-1 1,0 0-31,-1 1 1,-3 0 0,0 4 0,-1 0-17,-3 0 1,2 2 0,-1 2-1,1 3-117,0 1 1,1 1 0,-1 2 0,1 0 51,0 0 1,1 3 0,2 1-1,-1 2-99,1 3 0,1-1 1,0 3-1,1 0 191,1 1 0,3 1 0,1 0 0</inkml:trace>
</inkml:ink>
</file>

<file path=ppt/ink/ink19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2:04.73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322 8789,'6'-3'67,"0"-2"-41,-2 0 0,2-1 0,-2 0 0,2 1-29,0-3 0,1 0 1,-1 0-1,0 0 13,1 0 0,-1-2 0,1-1 0,-1-1 14,0-1 0,3 0 0,0 0 0,-2 1-5,1 2 1,-4 0-1,0 2 1,0-1-3,0 1 1,-1 3 58,0 1-80,-3 0 0,3 1-6,-3 3 1,-2 3 0,-1 3 0,0 1-22,0-1 0,1 1 1,0-1-1,0 0 11,1 1 0,-2 1 1,1 2-1,0-1-3,2 0 0,0 2 1,0-3-1,0 0-48,0-1 1,2 0 41,3-1 0,0 0 0,2-2 28,-1-2 1,1-1-1,-1-1 12,0 0 1,1-1 0,-1-1-13,1-2 0,-1-2 0,0 0 0,1-1 35,-1 1 0,1-3 0,-1-2 0,0-1-3,-2-1 1,3 0 0,-2 0 0,0 1 75,1 2 1,-1 0 0,0 2 0,-2 1 72,0 2 0,0 0 101,-1 1 0,-1 2-164,1 4 0,-2 2 0,-1 3 0,-2 3-51,-1 3 0,1 2 0,-2 1 0,0 2-41,0 0 0,2 4 0,-1-3 0,2-1-117,0 1 1,1 0 0,1-3 0,0 0-415,0-1 0,1-1 0,1-2 0,3-2 506,0-1 0,2 0 0,-1-3 0</inkml:trace>
  <inkml:trace contextRef="#ctx0" brushRef="#br0" timeOffset="1765">578 14 7600,'3'-3'-328,"0"2"535,-3-2 1,0 3 222,0-3 14,0 3 18,0-3 296,0 3-692,-3 0 1,2 2-111,-3 0 1,2 2-1,-2-1 70,1 1 1,-1 0-1,1 2 1,0 0-7,-2-2 1,1 2 0,0-1-1,-1 2-9,-1 2 0,0 0 1,-1-1-1,1 1-43,2 1 0,-1-1 1,0 1-1,0 2 59,-2 0 0,3 0 0,0 0 0,1 0-3,2 2 1,0 1-1,-1-1 1,0 2-80,1 0 0,0-1 1,1 1-1,1 0-180,1-2 0,1 2 0,4-2 0,1-1-449,1-1 1,2-5 683,0 2 0,4-2 0,1-1 0</inkml:trace>
</inkml:ink>
</file>

<file path=ppt/ink/ink19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2:08.24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51 0 7902,'0'4'881,"0"-1"-533,0-3-20,-3 0-227,3 0 0,-4 0-91,2 0 1,1 0 0,-3 1 25,1 1 1,-2-2-25,1 3 1,-2-1-1,0 1-35,-1 1 0,2-2 1,0 2-1,0-1-46,0 1 0,0-1 1,-1 2-1,1 0 21,1-1 1,0 2-1,-2 1 1,1-2 9,1 0 0,1 0 32,-1 0 1,3 0 40,-1 2 0,1-1-24,1 1 1,2-3-1,1-1-3,0 0 0,2 1 0,1-1 0,0-1 19,-2 1 0,2-3 0,-2 2 0,2 0 7,0 0 0,1-1 1,-1 3-29,0-1 0,-1 1 0,-2-1 0,0 1 13,-1 1 0,-2-2 0,0 1 0,0 1-5,0 1 1,-2 0 0,-1 2-1,0-1-88,-2 2 0,-1 0 0,0-3 0,-1 0-35,1 1 0,-3-1 1,1 0-1,0-1 46,1-1 0,0-2 0,1 0-82,-1-2 0,1 0 0,0 0 4,-1-2 1,4 0 0,1-2-571,1-1 4,-2 2 707,2 0 0,1 3 0,4 0 0</inkml:trace>
  <inkml:trace contextRef="#ctx0" brushRef="#br0" timeOffset="1419">196 315 8101,'-3'0'265,"1"3"1,0 0 0,1 4-311,-1-1 0,-1-2 0,1 1 40,0 0 1,0 0 0,2 2-11,0-1 0,0 0-103,0 1 1,1-3 0,1 0-53,2-1 1,0-1 0,0-2-51,1 0 0,1 0 0,0-1 0,0-1 220,1-2 0,-1-2 0,1-1 0</inkml:trace>
  <inkml:trace contextRef="#ctx0" brushRef="#br0" timeOffset="1699">196 186 8356,'-3'0'180,"3"0"1,3 1-1,4 1-180,-1 0 0,3 0 0,1-2 0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6:59.36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84 9 7891,'0'-5'1213,"0"1"-1114,-4 4 0,-1 0-82,-4 0 1,1 3 0,-1 1-112,0 1 0,0-2 1,1 2 66,-1-1 0,0 0 1,0-2-1,1 0-35,-1 0 1,0 2 0,1 0-1,-1 0-5,0 0 1,1 0 0,2-2 10,0 1 91,0 4 0,0-6 40,0 5 1,4-3 30,-1 3 0,2-3 1,2 2-48,2-1 1,-1 1 0,3-1-81,-1 1 0,3-2 1,-1 2-26,1-1 0,2 2 0,0-3 0,0-1-88,-1-1 0,2 1 0,1 1 0,0 0-226,0 1 1,-1-3 0,-2 3-1,1-1-301,0 0 661,0 0 0,-1 1 0,1 0 0</inkml:trace>
  <inkml:trace contextRef="#ctx0" brushRef="#br0" timeOffset="1851">376 219 6117,'0'-6'1132,"0"0"-569,0 4-281,0-2-5,0 4-236,0 0 1,0 4-46,0 2 1,0 2-1,0 1 1,0-1-3,0 1 0,0 3 1,-1 0-1,-1 1-65,-1 0 1,-3 1-1,4-2 1,0-1-22,1-2 1,1 0 0,0 0-263,0-1 327,0 1 0,0-3 157,0 0 1,0-5-91,0-1 1,0-4-1,0-5-41,0 0 0,0 0 0,0-2 6,0-1 1,0 1-1,0 2-14,0 0 0,0-2 1,0-1 14,0 1 1,3 5 0,-1 0 0,0-1 11,-1-1 0,2 2 0,0 0 1,0 1 39,1 0 1,-2-3 44,4 2 1,-3-2-45,2 0 1,-2 3-56,3 2 0,-3 2 14,3 1 1,-3 0 0,2 1-2,-1 2 1,-1-1 0,-3 4 0,1 0-13,1 2 0,-1-2 1,2 0 10,-2 1 0,-1-3 1,0 2 77,0 1 1,0-2-13,0 1 1,-1-4 0,-1 2 0,-2-1-46,0-1 1,1 2 0,-3-2-31,-1 1 1,2 0 0,-1-2-12,0 2 0,1-2 0,-1 2 1,4 2 78,-1 1 0,2-2 1,1 2 10,0 1 0,0-2 1,1 0-1,1 0-36,1-1 1,3-1-1,-2 2 1,0 0-65,3 0 1,-2 0 0,1 1 0,0-3-251,-1 1 0,2 0 1,-1 3-304,2-1 1,1-3 0,-1 2 566,1-2 0,0 4 0,0-2 0</inkml:trace>
</inkml:ink>
</file>

<file path=ppt/ink/ink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7:25.54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2 27 8247,'0'-6'248,"0"0"-157,0 4 59,0-2 1,0 3 56,0-2-114,0 2 0,0-3-31,-3 4 1,1 0 24,-4 0 1,3 0 39,-3 0 1,3 0-1,-3 0-24,0 0 1,1 0 0,-1 0-3,-1 0 1,-1 3-1,0 1-13,-1 1 0,1-2 0,1 2 1,1 0-56,0 0 1,-2-1 0,-1 3 0,0-1 5,1 1 0,0 1 1,1-1-1,1 0-28,0-1 1,-2 0 0,-1 3 0,1-1-43,2 1 0,-1 0 0,1 0 1,-1-1 7,1 1 0,-2 2 0,4-1 0,-2 0-20,0 1 0,4-1 0,-2-1 1,1 0 35,0 0 1,0-1-1,3 1 1,0 0 47,0 0 0,0 3 0,0 2-9,0-1 0,0 0 0,0-4 0,1-1-21,2-3 0,-1 3 0,3-2 0,0 2-13,0 0 1,0-2 0,1 0 0,0 0-3,1-1 0,1 2 0,1-4 0,-1-2-38,1 0 1,0 2 0,0 0-1,2-1-32,1-1 0,0-1 1,-1 0-1,2 0-506,0 0 0,-1 0 0,3 0 580,0 0 0,2-4 0,0-1 0</inkml:trace>
  <inkml:trace contextRef="#ctx0" brushRef="#br0" timeOffset="1252">551 44 8147,'0'-6'-1654,"0"1"2144,0 3-45,0-2-128,0 0 0,0 2 293,0-4-383,0 4 0,0-3 206,0 2-232,0 2-295,0-3 139,0 4 454,0 0-202,-4 0 0,-1 0-186,-4 0 0,4 3 1,-1 0-72,-1-1 1,0 0 0,0 0 0,2 2-22,2 1 0,-4-3 0,2 2 1,-1-1-18,0 0 0,3 2 1,-1-1-1,-1 1-19,0 2 0,2-2 1,-3 1 32,-1 0 1,2 2-1,1 1-3,0 0 0,0-2 0,2 0 0,-1-1-34,1 1 0,1 1 0,1 0 12,0 1 1,0 0 0,0 0 1,0-1 1,4 1-1,1 0 1,0-1 0,2 0 0,-2-1 1,1-1-48,0 1 1,0-1 0,2 1 0,1-1-29,0 1 0,0-2 0,-2 1 0,0-1 19,-1 0 1,0 3 0,3-2 7,-1 2 1,-2-1-1,-1 0 1,0-1 123,0 1 1,-3-2 0,1 0 195,-2 2 0,-1-2-145,0 1 0,0 0 0,-1 2-82,-2-3 0,1 2 0,-4-3 0,-2 0-24,-3 0 0,2 2 0,-4-3 0,2-2-104,-1 0 1,-3-1-1,3 0 1,-1 0-143,0 0 1,1 0-1,1-1 1,-1 0-301,2-2 1,0-4-1,1 2-341,1 0 872,3-3 0,-3 7 0,3-3 0</inkml:trace>
  <inkml:trace contextRef="#ctx0" brushRef="#br0" timeOffset="2232">682 324 8296,'-6'1'260,"0"2"1,4-1-132,-1 3 0,2 1 0,1 4 0,0 2 1,-1 2-183,-1 3 0,1 0 0,-2 1 0,2 0 155,1 2 1,0-1 0,0 1 0,0-1-116,0-2 1,0 0-1,0-3 1,0-2 51,0-2 1,0-2-148,0 1 1,0-3 122,0 0 1,0-8 0,0-1-79,0-4 0,-1-5 0,-1 0 0,-1-1-32,1 1 1,1-4 0,1 2-1,-1-3-89,-2 0 0,2-1 1,-2 0-1,2-2 10,1 0 0,3-1 0,1 4 0,0 0 100,0 3 1,3-2 0,-2 5 0,2 0 330,-1 1 0,2 4 0,-1 1-132,3-2 0,3 3 0,1 1 0,-2 2 84,-2 1 0,-1 0 0,-1 1-107,1 2 0,-1 2 0,-2 4 0,-3-1-65,-2 1 1,-1 0 0,0 0-1,-1-1 16,-2 1 0,-1 0 0,-3-1 0,1 0-86,-1-2 1,0 1 0,-2-3 0,0 0-75,0 0 0,1-2 0,-1-2 0,1-1 25,2-1 1,-1-2 0,2-4 0,-1 0-278,0-2 1,4-3 0,-1 1 0,2 1-36,1 2 1,0 0 0,0 0 112,0 1 0,4 3 281,2 2 0,2 6 0,0 2 0</inkml:trace>
  <inkml:trace contextRef="#ctx0" brushRef="#br0" timeOffset="2778">1005 271 8355,'-9'0'281,"1"0"1,2-3-1,0 1 1,-1 0 0,2 1 0,0 2-168,-2 2 1,0-2 0,0 5 0,1 1 69,0 1 0,-2 1 0,-1 0 0,1 2-105,3 1 1,0-1 0,3-2 0,-1 0-203,1-1 1,1 1 0,1 0 96,0 0 0,4-4 0,2-3-76,1-1 0,2-1 1,0-1-1,0-1-21,-1-4 0,1-2 0,0-1 0,0 1-385,-1 3 0,1-3 0,0 2 342,-1-2 1,-2 0-1,-1 2 120,-1 0 176,-1 4 1,-3-1 0,0 6 0,0 3 136,0 2 0,-1-3 0,-1 1 0,-1 1 172,1 1 1,1 0-1,2 1-831,2 0 1,-1-4 0,4-1-1314,1 0 1705,4-3 0,-1 2 0,3-3 0</inkml:trace>
  <inkml:trace contextRef="#ctx0" brushRef="#br0" timeOffset="3182">1232 263 6065,'-5'0'1031,"-1"0"0,0 0-738,-3 0 1,3 0 0,1 1-138,-2 2 1,-1 0 0,-1 4 0,0-1 43,1 1 0,2-2 0,0 0 0,0 2-43,1 1 0,-1 1 1,3 0-29,1-1 0,1 1 1,1 0-189,0-1 1,4 0 0,2-2-91,1-3 0,6-2 0,0-1 0,2 0-256,0 0 1,-1-4 0,4-1-1,-2-1-873,-1 1 1278,5-1 0,-5-3 0,6 0 0</inkml:trace>
  <inkml:trace contextRef="#ctx0" brushRef="#br0" timeOffset="3731">1425 289 8975,'5'-5'1032,"0"1"-776,-1 0 0,3 2 1,-1-3-139,2 2 0,-4-1 0,0 2-160,0-1 1,-2-3 0,3 2 35,-1-1 1,-1 2-117,-3-3 0,-1 5 0,-2-2 74,-3 2 0,1 1 0,-1 0 1,0 0 51,-2 0 1,-1 0 0,0 0 0,1 1 31,-1 2 1,0 0 0,0 4 0,2-1 114,1 1 0,-2 1 1,2 1-1,-1 2 169,2 1 0,-3 2 0,3-1 1,0-1 82,2 1 0,2 2 0,1-4 0,1 0-161,2-1 0,2-3 1,5 0-1,2-2-304,6-1 1,0-2 0,7-5 0,1-4-755,2-3 1,9-8 815,1-5 0,3-6 0,3-2 0</inkml:trace>
</inkml:ink>
</file>

<file path=ppt/ink/ink20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2:12.35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276 7300,'0'-3'1766,"0"0"-1663,0 3 1,0 3-125,0 1 0,0 2 0,0 0 0,-1 0-119,-1 1 1,1-1 0,-1 1-1,1-1-145,1 0 1,0-1 0,1-2 284,1 0 0,4-1 0,4-2 0</inkml:trace>
  <inkml:trace contextRef="#ctx0" brushRef="#br0" timeOffset="1049">225 90 8027,'0'-3'78,"0"-3"1,0 4 141,0-2 0,-1 3 0,0-2 285,-2 0-347,1 2 1,0-2-139,0 1 1,-1 1-57,1-1 0,1 2 0,-2 1 0,1 2-9,0 1 1,-3 0-1,2 2-25,-1 1 0,-2 1 1,3 1-1,-1-1 71,-1 2 1,2-1-1,-2 2 1,1-1 17,1 0 1,-1 0 0,2 0-1,0-1-10,2 0 0,0 2 0,0-2 1,0 0 13,0 1 1,0-2 0,2-1-1,1-1-26,0 0 0,2 0 0,1-1 9,0-1 1,3-2 0,0 0-1,-2-1 26,0-1 1,0 0 0,-1-1 0,1-1-21,2 0 0,-2-3 1,2-1-1,-2-3-16,-1-1 1,1 0 0,-1-2 0,0 0-67,1-1 1,-3-2 0,0 2 0,-1-2 61,-2-2 1,0 0-1,-1 1 1,0 0-19,0-1 1,-3 3-1,-1-1 1,-3 2-32,-1 2 1,0 3 0,-1 3-1,1 1 23,-1 2 1,0-1-1,1 5 1,-1 1-5,2 4 0,0 3 1,2-1-1,1 1-136,-1 1 0,2 4 1,1 0-1,2-1 174,2-1 0,4 0 0,4 0 0</inkml:trace>
  <inkml:trace contextRef="#ctx0" brushRef="#br0" timeOffset="1386">238 212 7861,'2'4'0,"1"1"257,0 0 0,1-2 1,1 1-1,-1 1-238,1 1 0,1-2 0,-1 1 0,0-1-347,0-1 1,-1 2 0,2-2 327,1 1 0,-1 0 0,1 3 0</inkml:trace>
  <inkml:trace contextRef="#ctx0" brushRef="#br0" timeOffset="1873">385 263 8507,'0'7'82,"0"-1"1,-2 1 0,0-1 0,0 0 17,2 1 0,-2-1 0,-1 1 0,2 1-101,0 1 1,1-1 0,1-1-156,1-1 0,1-2 0,2 0 0,-1-1-120,1-2 0,1 0 1,0-2-335,1-1 1,-1-4 609,1-2 0,2-1 0,1 3 0</inkml:trace>
  <inkml:trace contextRef="#ctx0" brushRef="#br0" timeOffset="2121">398 148 7951,'0'-4'-1247,"2"6"1247,0 5 0,3 1 0,-1-2 0</inkml:trace>
</inkml:ink>
</file>

<file path=ppt/ink/ink20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2:15.67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322 7281,'4'-3'2105,"-2"2"-1375,-2-2-585,0 3 0,0 3 0,0 1-221,0 2 1,0 0 0,-2 1 0,0-1-231,1 1 0,0-1 0,1 1-817,0-1 1123,0 0 0,3-2 0,0-1 0</inkml:trace>
  <inkml:trace contextRef="#ctx0" brushRef="#br0" timeOffset="997">141 72 7552,'0'-7'311,"0"3"1,1 0 250,1 1-570,-1 1 0,2 3 0,-3 1 36,0 2 1,0 2-1,0 1 1,0 2-11,0 1 1,-3 5 0,1 1 0,-1 1 18,0 1 0,-1 3 1,2-3-1,-1 0-225,1 1 0,1-3 1,-1 0-1,1 0-201,1-2 1,1-3 0,0-2 206,1 1 0,1-4 1,-1 1 92,0-2 1,2-4-1,-1-1 27,0-4 0,-1-2 1,0-3-1,-1-1 231,1 0 0,-1-3 1,1 1-1,-1-1-20,-1-1 1,-2-3-1,0 1 1,0 0-120,-1-2 0,2 2 0,-2-1 0,1 2 14,0 1 0,0 0 0,2 1 1,0 1 42,0 1 0,0 0 0,0 2 0,0-1 12,3 1 1,-2 1 0,3 1-3,1 1 0,1 0 0,0 2 0,1 2-54,-1 1 0,1 1 0,-1 0 1,1 0-19,2 0 1,-2 1 0,1 1-1,0 1-174,-2 1 0,0 2 0,-1-2 0,-1 2 154,1 0 1,-2 0 0,-1 1-1,-1-1 59,-1 1 0,-1 0 1,-1 1-1,-2 0-21,-2 0 1,-3 1-1,1 0 1,-1-1-79,0-1 0,2-1 1,-2-2-1,2-2-169,1-1 1,-1-1 0,1 0-74,-1 0 1,4-5 0,1-2 60,1 0 1,4 0 0,1 1 0,2 0-172,0 2 387,4 1 0,0 3 0,2 0 0</inkml:trace>
  <inkml:trace contextRef="#ctx0" brushRef="#br0" timeOffset="1495">282 315 7897,'-3'4'249,"3"-1"0,-2 0-152,1 1 1,-1-1 0,0 2 0,0 0-52,1 0 0,1 2 1,0-1-1,0 1-57,0-1 1,0-2 0,1 1-16,1 0 1,0-3-1,2 0-351,1-1 1,-1-1-1,0 0-443,1 0 820,-2-3 0,2-3 0,-1-4 0</inkml:trace>
  <inkml:trace contextRef="#ctx0" brushRef="#br0" timeOffset="1779">289 161 7955,'-5'-4'573,"1"0"-526,3 2 1,-1-1 0,4 3-1262,2 0 1214,2 0 0,3 3 0,1 1 0</inkml:trace>
</inkml:ink>
</file>

<file path=ppt/ink/ink20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2:26.95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45 14 7967,'-4'0'78,"-1"0"0,4-1 385,-1-1 1,1 0-229,1-2 1,1 3-124,1-1 0,-1 1 1,4 1-1,-1 1 15,0 1 1,3 1-1,0 4 1,1 0 31,1 1 1,-2 5 0,2 2-1,0 2-97,-1 0 1,3 5-1,-3 2 1,-2 2 10,-1 2 0,-3 4 1,0 0-1,-3-1 3,-3 0 1,-1 4 0,-6-2-1158,0 2 722,-1-4 1,-1 4 0,0-5 0,0-2-531,0-3 1,1-2 888,-1-3 0,0 3 0,0-3 0</inkml:trace>
</inkml:ink>
</file>

<file path=ppt/ink/ink20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2:34.47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3 13 7266,'-4'0'606,"-1"0"0,4 0-301,-1-2 18,1 1-63,1-2 274,0 3-472,3 0 1,-2-1 0,2 0 60,-1-1 1,0 0-62,2 2 0,-2 0 0,3 0 10,0 0 0,-2 0 1,1 0-69,1 0 0,-1 0 0,0 0 7,1 0 0,1 0 0,0 0-51,1 0 1,-3 0 0,0 0-3,1 0 0,1 0 1,0 0 6,1 3 0,-3-3 1,0 3 13,-2 0 1,1-2 21,-1 4 0,-1-1 0,1 2-7,-4 1 0,-1-1 0,-3 1 0,1-1-26,1 0 0,-1 1 0,-1-1 0,0 1 16,2-1 1,-2 2 0,3-1 0,-2-1 12,1-1 1,3 1 0,-2 1-1,1-1-4,0 0 1,-1 1-10,3-1 0,0 1 1,0-1-1,-2 0-13,0 1 0,0-1 1,2 1-1,0-1-19,0 1 0,0-3 0,0 0 42,0 1 0,0 1 1,0 0 8,0 1 0,0-3 0,-1-1 1,0 1 21,-1 0 0,0-2 1,2 2-30,0 1 0,0-1 0,0 0-15,0 1 1,0-2-1,0 2-3,0 0 0,-3-2 0,1 1 23,1 1 1,0-1 0,1 0 7,0 1 0,0 1 0,0 0-19,0 1 0,0-1 0,0 1-16,0-1 0,0 0 0,0 1 7,0-1 0,0 1 15,0-1 0,0 1 40,0-1 0,0 0-29,0 1 1,0-1-56,0 1 0,0-1-176,0 0 1,2-1 195,0-1 0,3 0 35,-3 3 1,0-3 0,-1-1 0,0 1 29,1 0 0,0-2 0,-2 2-7,0 1 1,0-1-1,0 0-15,0 1 0,0 1-19,0 0 0,1-2 0,1 1-11,0 0 0,1-2 41,-1 1 0,-1-2 72,3 3 0,0-1-59,0 2 0,1-1 0,-3-1-2,0 1 0,-1 1 0,-1 0 0,-1 1-15,-1-1 0,0 1 0,-1 1 0,-1 0-58,1 0 0,-1-1 1,-1 0-1,1-1-29,-1 1 1,0-1 0,0 0 0,0 0 21,1-2 1,-2 2-190,-1-2 0,1 0-32,0 0 1,-1 0 0,1 1 263,2-1 0,-2 0 0,3 3 0</inkml:trace>
  <inkml:trace contextRef="#ctx0" brushRef="#br0" timeOffset="1000">219 668 8662,'-2'4'116,"0"0"1,0 1-83,-1 1 1,1 0 0,-1 2 0,-1-1-68,1 2 0,1-1 1,0-1-51,1-1 1,1 1 0,0-1-6,0 1 0,3-2 0,1 0-133,-1 0 0,3-4 0,-2 1-265,2-1 1,0-2 0,1-1 485,-1-2 0,-2-2 0,1 0 0,-1-1 0</inkml:trace>
  <inkml:trace contextRef="#ctx0" brushRef="#br0" timeOffset="1291">219 501 8009,'-4'0'141,"-1"0"18,0 0 0,3 1-151,-1 1 0,3-1-279,0 4 1,0-4 0,3 2-35,1 0 0,2-3 305,3 2 0,-2 2 0,2 0 0</inkml:trace>
  <inkml:trace contextRef="#ctx0" brushRef="#br0" timeOffset="1892">334 668 8840,'4'0'-1322,"-2"3"873,2-3 1,-1 3-237,4-3 685,-4 0 0,3 0 0,-2 0 0</inkml:trace>
  <inkml:trace contextRef="#ctx0" brushRef="#br0" timeOffset="2269">315 745 7060,'-3'0'672,"0"0"0,3 0 0,3 0-643,1 0 0,2 0 0,0 0 0,0 0-166,1 0 1,0-1 0,1 0 0,0-2-130,0 2 1,-1 0-1,0 1 1,-1 0-1036,1 0 1301,-4 0 0,3 0 0,-3 0 0</inkml:trace>
  <inkml:trace contextRef="#ctx0" brushRef="#br0" timeOffset="2739">463 751 9122,'4'-1'257,"0"0"0,1-2-292,1 0 0,0-2 1,1-2-1,-1-1 37,1 0 0,-1-1 0,1 3 0,0-1-38,0 1 1,1 0 0,-4 0 0,2 2 87,0 1 1,-3 2-1,0 0 68,0-2 0,-2 4 0,1 3 0,-1 2-42,-1 1 1,0 2 0,-1 2-1,0 1-64,-2 0 0,-1 1 1,2-2-1,1-1-557,0-1 1,1 2 0,0-3-332,0 0 1,1-3 873,1-3 0,1-4 0,4-2 0</inkml:trace>
</inkml:ink>
</file>

<file path=ppt/ink/ink20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2:38.51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190 7181,'0'3'1051,"0"0"-985,0-3 0,0-3 0,1-1-75,1-2 0,1 0 0,2-1 0,-1 1 58,1 0 1,-2-3-1,2 0 1,0-1-117,0-2 0,2 0 0,-1-1 1,1 1 25,-1 2 0,1-2 0,-2 3 1,0 0 80,0 2 0,-4-3 0,2 5 108,0 0-31,-3 1-111,3 4 1,-3 3-1,-1 1 1,0 2-15,-1 0 0,0 1 0,2-1 0,-1 1 9,-1-1 1,1 3-1,-2 0 1,1 0-32,0 0 1,0 2-1,1-2 1,0 1 35,-1-1 0,0 2 0,2-3 1,0 0 104,0-1 1,0-1-1,2 1-66,3-1 1,-2 0 0,2-2 41,-1-2 1,0 1-2,0-1 0,1-2 0,0-2 0,0-3 74,0-2 0,-2-1 0,2-4 0,-1 1-71,1 0 0,1-1 0,1-2 1,-1 0 71,0-1 0,0 0 0,-1 2 1,-1 1-392,-2 2 0,3-2 1,-2 4-250,0 0 0,-1 3 0,0 1 1,1 2 478,-1 3 0,-3 2 0,-3 3 0</inkml:trace>
</inkml:ink>
</file>

<file path=ppt/ink/ink20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3:48.5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161 9228,'3'1'208,"0"1"0,-3 2 1,0 2-16,0 0 0,0 1 0,0 1-210,0 1 0,0 2 0,0-2 1,-2 1-670,0 1 0,0-2 0,2 0 686,0-2 0,0 0 0,0-1 0</inkml:trace>
  <inkml:trace contextRef="#ctx0" brushRef="#br0" timeOffset="971">123 26 7238,'0'-3'647,"0"0"1,0 2-423,0-1-133,0 1 0,0-1-41,0 4 0,0 2 1,0 2-1,0 1-63,0-1 0,0 1 1,0 1-1,0 1-31,0-1 1,0-1-1,0-1 1,0 1-17,0-1 0,0-2 5,0 0 0,0-1 46,0 1 1,0-3 0,2 1 0,1-4 5,0-2 1,-1-1 0,2 0 0,0 0 7,-1-2 0,-1 1 0,0-3 0,1 2-6,-1 0 1,3 1 0,-2 0 0,2-1-27,-1 1 1,0-1 0,2 1-1,-1 0-149,-1 2 0,0-1 1,3 3-1,1 0-278,1 2 1,-1 0 452,-1 0 0,2 0 0,1 0 0</inkml:trace>
  <inkml:trace contextRef="#ctx0" brushRef="#br0" timeOffset="1549">270 135 7842,'-3'4'-152,"3"2"424,-2-2 0,-1 0 0,1 0-57,0 1 0,1 0 0,1 2-4,0-1 0,0 1-121,0-1 0,0 1 0,1-2-374,1 0 0,0-2 1,2-1-53,1 0 0,-1 0 0,0-2-705,1 0 1041,-2 0 0,2 0 0,-1 0 0</inkml:trace>
  <inkml:trace contextRef="#ctx0" brushRef="#br0" timeOffset="1854">290 52 7842,'-4'1'-121,"2"1"1,1 2 120,1 2 0,3 0 0,1 1 0</inkml:trace>
</inkml:ink>
</file>

<file path=ppt/ink/ink20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3:54.05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4 199 6857,'-3'-3'0,"-1"0"0</inkml:trace>
  <inkml:trace contextRef="#ctx0" brushRef="#br0" timeOffset="992">149 154 8792,'-3'5'-22,"1"-1"1,0-2 0,1 2 0,0-1-35,-1 1 0,-2 0 0,1 2 0,-1 0 22,-1-2 1,2 2-1,-1-2 1,0 2 17,1 1 1,1-1 0,-3 0-1,1 1-7,1-1 0,-2 1 0,2-2 0,-1 0 13,-1 0 0,2-3 1,-2 1 77,0 0 0,2-1 0,-1-1-29,1 1 0,-2-1-10,1 1 0,1-1-4,-2-1 0,2-1 0,-2 0 0,0-2 1,3 1-20,-2 2 0,2 0-40,-2 0 0,2 0-78,-3 0-94,4 0 148,-2 0 1,3-3 0,1 0 71,1-1 1,1-1-1,4 0 77,-1 0 1,1-1-1,-1 1 1,0 1-9,1-1 0,1 1 0,1 0 1,-1 0-32,-1 0 0,-1-2 1,1 3-1,1-2-12,1 1 0,-1 2 1,-1-2-1,-1-1-55,1-1 0,-1 0 1,0 1-1,-1 1 2,-1-1 1,0-1 0,2 0 0,-1 0-3,-1-1 1,-2-1 0,2-1 0,0 1-25,-1 1 1,-1-1 0,0-1-1,1 1 6,-1 1 0,0 1 0,-2-1 0,0 1 25,0-1 1,0 1 21,0 0 0,-1 0 1,0 1-1,-2 1 147,-1 1 1,2 1-1,-2 2 7,-1-3 0,-1 3-105,0-2 0,1-1-41,1 1 1,2-1-1,-2 3-27,-1 0 0,1 3 0,0 2 0,0 0-19,0 2 0,-2 0 1,2 1-1,-2 2 15,0 0 0,0 2 0,-1-1 1,1 1 4,-1 1 1,3 0 0,1 0 0,-1 0 92,0-1 1,3 3 0,-1 0 0,1 0-45,1-2 0,1-1 1,1 0-1,2 0-133,2-1 0,0 0 1,1-4-1,2 0-34,2-1 0,1 2 0,1-6 122,2-1 0,-1 3 0,2-1 0</inkml:trace>
</inkml:ink>
</file>

<file path=ppt/ink/ink20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3:56.25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7 225 8951,'-5'0'430,"1"0"-381,-1 0 0,-1 1-140,0 1 0,-1 2 0,1 2 131,0 0 1,1-1-1,2-1-203,0 1 0,1-2 0,2 2-9,0 0 1,0-2-1,1 1 23,1-1 0,-1 1 0,3-2 99,1 0 0,1-1 1,0 0-1,1 2 31,-1-2 1,-1 0 0,-1-1 0,0 0 125,0 3 0,-1-2 0,-3 3-37,0 1 1,-1-1-1,-1 0 1,-3 1-35,0 1 1,-2 0 0,0 1 0,-1-2-108,0 0 1,-3 0 0,3-3 0,0 1-83,1 0 0,0-1-22,1-2 0,2 0 1,2-3-49,1-1 0,1 1 1,1-1-1,1 0 223,2 1 0,5-1 0,1-3 0</inkml:trace>
  <inkml:trace contextRef="#ctx0" brushRef="#br0" timeOffset="528">231 238 7288,'-6'0'160,"0"1"0,1 0 0,2 2-23,0 1 0,-2 0 0,1 2-46,1 1 1,-2-1 0,2 0-1,1 1-35,0-1 1,1 1 0,-1-1-102,1 1 1,2-1-1,1 0-12,2-2 0,2-1 0,0-3 0,1 0-57,-1 0 1,0-1 0,1-1 0,-1-2 52,1-2 1,1 0 0,-1-1 34,1 1 0,-3-1 0,2 2 0,-2 0 61,-3 0 1,1 4 302,-1-1 0,-1 2-226,1 2 1,-3 1-1,-1 5 1,0-1-53,-1 2 1,2 0 0,-1-3-158,1 0 0,1 1 1,1-2-1,1 0-227,2-3 1,2-1 0,0-1 0,1 0 323,-1 0 0,3-6 0,1-1 0</inkml:trace>
  <inkml:trace contextRef="#ctx0" brushRef="#br0" timeOffset="1227">385 251 7868,'-3'3'370,"3"3"0,-3-2-236,3 2 1,-2 0-1,0 1 1,0-1-106,1 1 0,1-1-121,0 1 0,1-2-71,1-1 1,2-1 118,2-3 1,1-3 0,-1-1 4,0-1 0,0-2 0,-1 1 0,-1 1 14,-1 1 1,1 2-1,-1-2 13,0 2 104,-1-1 1,1 4 0,-3 1 5,0 3 0,0 2 0,0 2 0,0-1-86,0-1 0,0-1 0,0 1 0,0-1-114,0 1 1,0-3 27,0 0 0,2-2 20,3 0 0,0-4 0,1-3 1,-1 0-19,-1 1 1,1-2-1,1 2 1,0-2 0,-2-3 0,2 2 1,-2-2-1,2 2 45,0 1 0,0-1 0,1 1 0,-1 0 72,-2-1 0,2 1 39,-2-1 1,-1 4 101,2 1 1,-4 2 0,1 3 0,-2 2-50,-2 3 1,1 3 0,-3 0 0,1 1-72,-1 1 0,2 0 0,-2 0 0,1-1-108,2-1 1,0-2 0,1-2-248,0 2 0,0-2 0,1 0 1,1-2-128,2-2 0,0-3 415,0 0 0,1 0 0,1 0 0</inkml:trace>
  <inkml:trace contextRef="#ctx0" brushRef="#br0" timeOffset="1838">661 251 8222,'-2'4'126,"0"0"0,0 1 1,2 1-1,-1 1 1,-1 1-1,0 1 0,1 1 1,-2 1-1,0 2 8,0 0 0,-1-1 1,-1 1-197,1 0 0,2-1 1,0 0-1,-1-2 1,1-1-231,1-1 0,0-3 71,1-1 1,0-3 0,0-2 37,0-5 1,2-3 0,1-4 0,0 0 126,0-2 1,1 1 0,-1-2 0,0 1 44,0 0 1,1-2-1,-1 2 1,0-1-36,2 0 0,-1 4 1,0 2-1,0 0 9,0 2 1,2 1 0,-2 2 68,2 0 1,-2 2-1,-1 4 1,1 1 198,0 3 0,-2 2 0,1 3 0,0 0-85,-1 1 1,-2 3-1,0 0 1,0-1-22,0 2 0,0-2 0,0-1 0,0-2-9,-3-1 0,0 1 1,-4-3-1,1-2-93,0-1 1,-1-2 0,1-3-253,-1-1 0,3-2 0,1-6 0,0-2 133,1-2 0,2-2 0,0 1 0,0-2-538,0-1 0,0-1 0,2 2 634,0 2 0,3 1 0,-2 2 0</inkml:trace>
  <inkml:trace contextRef="#ctx0" brushRef="#br0" timeOffset="2242">905 1 7151,'-4'2'-28,"1"3"1,3 3 354,-3 0 0,2 3 0,-3-2 1,1 1-103,-1 1 1,0 4 0,-3 2 0,-1 0-105,0 0 1,-1-1 0,3 2 0,-1-3-17,1-2 0,0 0 0,1-1 1,2-1-83,0-3 1,1 2 0,2-2-29,0 0 0,0-1 0,2-1 0,1 0-236,0-2 0,1 1 0,3-2-225,-1 1 0,1-3 0,-1 1 0,0-2 466,1-2 0,2-1 0,1-4 0</inkml:trace>
  <inkml:trace contextRef="#ctx0" brushRef="#br0" timeOffset="2754">924 257 7981,'0'4'-54,"0"1"1,1-4-1,1 1 88,2-1 0,1-2 1,0 0-1,-1-2-70,1-1 0,0 2 0,0-1 1,-1-1-69,-1 1 0,1-2 0,-2-1 60,0 0 1,-2 1-1,0 1 50,0-1 0,-3 2 0,-1 1 0,-2 1 48,0 1 0,0 2 1,-1 2-1,1 1 164,-1 2 0,1 2 1,0-1-1,0 3-105,2 1 0,-1-1 0,2-1-84,2 2 0,0-2 0,2 0 0,2 1 0,3-1-809,4-1 780,2-5 0,4 2 0,0-3 0</inkml:trace>
  <inkml:trace contextRef="#ctx0" brushRef="#br0" timeOffset="3833">1238 232 7149,'0'-4'992,"0"1"-735,-3 3-93,3 0 88,-3 0-300,3 0 0,0 3 0,0 1 41,0 2 1,0 0 0,0 1-1,0-1 11,0 1 0,-2 1 1,0 1-4,0-1 0,1-1 1,1-1-11,0 1 0,0-3 64,0 0-32,0-3 0,1 2 11,1-3 0,-1-3 0,2-1-19,0-1 1,-3-2 0,3 1 0,-1-1 0,1 1 1,2-1-1,-1 1 1,1 0-9,-1-1 1,2 1 0,-1 0-1,2 1-32,1 1 1,1 2-1,-2 0 1,2 1-237,1-1 0,2 1 0,1-1 0,0 2 260,0 2 0,0-1 0,0 2 0</inkml:trace>
</inkml:ink>
</file>

<file path=ppt/ink/ink20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4:02.36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 89 6948,'0'-3'1181,"0"0"-611,0 3-573,0 3 1,-1-2 0,0 4 0,-2 0-20,-1 0 0,3 2 1,-2-1-1,1 1 59,0-1 1,-1 0 0,2 1-1,-1-1-10,0 1 1,1-1 0,1 0-46,0 1 0,3-3-50,2 0 1,0-2-1,2 0-20,-1-1 1,0-1 0,1 0 0,-1-1-641,-2-1 1,2 0 727,-2-2 0,-1 0 0,0-3 0</inkml:trace>
  <inkml:trace contextRef="#ctx0" brushRef="#br0" timeOffset="583">32 13 8502,'0'-4'383,"0"0"-750,0 2 1,1 2 366,1-3 0,-1 6 0,2 0 0</inkml:trace>
</inkml:ink>
</file>

<file path=ppt/ink/ink20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5:20.54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7 20 7955,'0'-4'0,"0"-1"0,0 0 0,0 2 0,0 1 0,0 2 0,0 2 190,0 3 342,0-2-451,0 2 0,0-1 0,0 2-23,0 1 0,0-1 0,0 0 0,0 1-46,0-1 0,0 1 0,0 2 1,0 1-31,0 0 1,0 3-1,-2-1 1,-1 2-93,0 0 0,-1 2 0,-1 0 0,1-1 84,-1 1 0,1-2 1,1-2-1,0-2 7,1-1 0,2 2 0,0-3 0,0 0 25,0-1 1,0 0-1,0 0-9,0 1 0,3-3 0,1 0 0,2-3 45,0 1 0,0-1 0,2-2 1,-1 0-56,2 0 1,-1-3 0,0-1-1,-1 0-202,2 0 0,2 2 1,-3-3-1,0 1 215,-1 0 0,0-1 0,-1 1 0</inkml:trace>
  <inkml:trace contextRef="#ctx0" brushRef="#br0" timeOffset="329">0 193 8076,'5'2'108,"-1"0"0,0 3 0,2-3 1,-1 1 81,-1 0 0,0 1 0,3-1 0,0-2-369,1 0 1,0-1 0,1 0 0,-1 0-443,1 0 1,2 0 620,-3 0 0,4-3 0,-2-1 0</inkml:trace>
</inkml:ink>
</file>

<file path=ppt/ink/ink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14.41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36 7799,'0'-5'414,"0"0"-46,0 2 25,0 2-53,0-3-303,0 1-92,0 2 0,0-4-95,0 2 60,0 2 130,0-3 122,0 4 91,0 0-212,0 4 1,0-2-1,0 4 1,0 0-8,0 2 1,0 1-1,0 0 1,0-1 6,0 1 0,0 3 0,0 0 0,0 2-36,0 2 0,0-4 1,0 1-1,1-2-36,2 1 1,-2 0 0,4-4 0,0 1 26,0 0 1,-2 0-1,3-1-14,1 1 0,-1-3 0,1-1 19,-1-1 0,0-1 0,3-3 0,-1-1 8,1-2 0,-3-1 0,0-4 0,0 1-16,2 0 0,0-5 0,-1 3 1,-1-1-32,0 1 0,-2 0 1,0 1-1,-1 1 33,0 2 0,1 0 3,-1-1 38,-2 2 1,3 5-19,-4 2 1,0 2 0,0 3 0,0 1-7,0 0 1,0 0-1,0-1 1,0 1-17,0 0 1,1-3 0,1 0 0,1 0-20,2 2 1,-2-3-1,2-1 1,0-1 89,0 0 1,1 0 0,2-3 34,1 0 0,-3-1 1,0-2-1,0-3-29,-2-2 0,4-1 0,-2 0 0,1-2-46,-1-1 0,1-2 0,-2 1 0,1 1-278,0-1 0,-3-2 0,2 3 0,-1-1-54,-3 1 0,0 0 0,-1 3 305,0 0 0,4 1 0,1-1 0</inkml:trace>
  <inkml:trace contextRef="#ctx0" brushRef="#br0" timeOffset="738">507 97 7952,'-4'0'0,"0"0"268,4 0 0,-1 0 737,-2 0-631,2 0-268,-3 0 1,5 0-21,2 0 0,-1 0-81,4 0 0,-1 0 0,4 0 0,0 0 63,0 0 1,-1 0-1,1 0 1,0 0-139,0 0 1,2-3-1,2 0 1,-1 1-29,1 1 1,2-2 0,-4 1 0,0 0-310,-1 1 1,1 1-1,1 0 1,-1 0-682,-2 0 1088,0 0 0,0 0 0,0 0 0</inkml:trace>
  <inkml:trace contextRef="#ctx0" brushRef="#br0" timeOffset="1632">516 27 9733,'-6'0'557,"1"0"0,2 0-512,-3 0 1,0 3 0,-3 1-78,0 1 0,4-2 1,0 3-1,0-1 12,0 0 1,-1 3-77,-2-2 1,2-1 53,0 0 1,3 0 26,-3 1 0,4-1 14,-1-2 0,2-1 3,1 4 1,0-3-3,0 2 1,1-2 38,2 3 1,2-1 0,4 2-34,0-1 0,-1-4 0,1 1 0,0-3-53,-1 0 0,2 0 1,1 1-1,1 1-221,-2 1 0,4 0 0,-1-3 0,1 0-250,-2 0 1,0 0-1,1 0 1,-1 1 517,1 2 0,-1-2 0,-4 3 0</inkml:trace>
</inkml:ink>
</file>

<file path=ppt/ink/ink2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5:22.16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 168 7735,'0'-4'607,"0"1"-545,0 3 1,0 3-57,0 1 0,-2 0 14,0 0 0,0 1 1,2 1-55,0 0 0,0 1 0,0-1-13,0 1 1,1-3 0,1 0-20,2 1 0,0 0 0,0 0-134,1-1 1,1-2-1,0 0-240,0-1 0,-1-1 440,-1 0 0,0 3 0,3 0 0</inkml:trace>
  <inkml:trace contextRef="#ctx0" brushRef="#br0" timeOffset="303">10 1 8697,'-4'0'1177,"0"0"-1091,2 0 1,8 0 0,5 0 0</inkml:trace>
</inkml:ink>
</file>

<file path=ppt/ink/ink2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5:23.50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0 7649,'-3'0'343,"0"0"1,4 0 0,1 0-288,2 0 1,2 0 0,1 0 0,1 0-232,0 0 0,1 2 0,-2 0 0,1 0-144,0-2 0,4 0 1,-2 0-1,0 0 319,-2 0 0,2-2 0,0-2 0</inkml:trace>
  <inkml:trace contextRef="#ctx0" brushRef="#br0" timeOffset="272">20 77 7812,'4'0'-17,"1"0"152,0 0 1,1 1-239,3 1 0,-2-1 0,3 1 0,0-2 103,0 0 0,4 0 0,2 0 0</inkml:trace>
</inkml:ink>
</file>

<file path=ppt/ink/ink2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5:38.30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16 1 10270,'-1'3'402,"-1"-1"-75,1-1-157,-5-1 1,3 0-99,-4 0 0,3 0 1,0 0-30,-1 0 1,0 1 0,0 0-25,1 1 1,-1 1 0,0-3 0,0 2-98,0 0 0,1 3 48,-2-1 0,-1 1 0,1 0 0,1-1-52,1 1 0,2 1 26,-2 0 0,2 1 0,-2-1 0,1 1-38,2-1 1,0 1 0,1-1 20,0 0 1,0-1-1,0-1-11,0 1 1,2-2 0,1 1 45,1-1 0,-2 1 1,1-1 4,0 1 0,2-3 1,-1 2 17,-1 0 0,1-3 14,-2 3 1,1-2 17,1 1 1,-1 0-4,-3 2 0,0-2 0,0 2-11,0 1 0,0 1-59,0 0 0,0 1 0,0-1-58,0 1 1,0-1 13,0 0 1,-2 1 0,0-1 15,0 1 0,2-1 73,0 0 0,0-1 1,0-1-10,0 1 1,0-2 0,2 0-21,0 0 0,0-2 15,-2 3 1,0-2 14,0 3 1,0-3 61,0 2 1,0 0-46,0 3 0,0-1 0,0 1 0,0-1-52,0 0 0,-1 1 0,0-1 1,-1 1 26,0-1 0,-1 3 0,1 0 0,0 0 19,-1 0 1,3 0 0,-3-2 0,3 1-2,0 1 1,0 2 0,0-1-1,0 0 1,0-2 0,0 2 0,2-1 1,1 0 5,0 0 0,-1-1 1,3-3-1,0-1-183,0-1 1,4-1 0,0-2 0,1 0-1377,-1 0 1552,2 0 0,-1 0 0,3 0 0</inkml:trace>
</inkml:ink>
</file>

<file path=ppt/ink/ink2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5:39.83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0 9846,'3'4'27,"0"-1"0,3-2-88,-2 1 1,2-2-1,-2 3-7,2-3 0,0 0 0,1 0 23,-1 0 0,0 1 29,1 1 1,-1 0 0,-2 2-10,-2 1 0,-1-2 0,-1 2 1,0 0-14,0 0 1,-2 2-1,-1-2 1,0 0 19,0 0 1,-1-1 0,1 2-1,0 1-1,0-1 0,-1 1 1,2-1-35,0 1 1,1-1 0,-1 0-1,0 1-9,1-1 0,0 1 0,1-1 34,0 0 1,0-1 0,0-1 8,0 1 0,0 1 1,1 0 66,1 0 1,-1-1 0,1-1-38,-1 1 0,-1 1 0,0 0-29,0 1 0,0-1 0,0 0 9,0 1 0,0-3 1,0 0-9,0 1 1,0-1-1,0 0 4,0 1 0,0-1 1,0 0 9,2 1 0,-1-1 0,1 0-31,-1 1 0,-1-2 21,0 2 1,2-1 30,0 2 0,0-1 0,-1-2-4,1 0 0,-1 0 0,1-1-11,-1 2 1,-1 0 0,1-1 0,0 1 5,1 0 0,0-2 0,-1 1 24,1 0 1,0 1-1,1-1-52,0 1 1,0-3 0,-1 2 20,2 0 0,2-2-5,0 4 1,-1-3 0,-2 2 25,0 1 0,0 1 1,-2 0-1,1 1 33,0-1 1,-1 1 0,-1 1-1,-1 1-20,-1-2 0,1 0 0,-2 0 1,1-1-18,0 1 0,-1-1 0,2 1 0,-2-1 3,-1 0 1,3 1 0,-2-1-205,0 1 1,2-2 0,-3 0-62,1 0 1,0-2 0,2 2 242,-1-1 0,-3 1 0,1 1 0</inkml:trace>
</inkml:ink>
</file>

<file path=ppt/ink/ink2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5:42.56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58 91 7768,'0'-6'-44,"-2"2"1,1 0 500,-1 2 130,1 1-254,1-2-144,0 3-69,0 3 0,0 2 1,0 2-145,0 2 1,0 4 0,0 2 0,-1 3-46,-1 4 0,1 1 0,-3 1 0,1-1-2,-1-1 0,1 2 1,-2-3-1,1 0-50,1-1 1,1-4 0,2-1 0,0-2 37,0-2 1,0 0 0,0-2-500,0-2 420,0-2 1,1-2-1,0-4 99,1-1 0,0-3 0,-1-3 1,1-2 17,0 0 1,0-4-1,-2 2 1,0-1 56,0-1 1,-2-1-1,-1 1 1,0-1 242,0 1 0,-1-3 1,1 1-1,0-1-158,0 0 0,0 0 0,2 0 1,-1 2 37,0 2 0,2-2 0,0 0 1,0 1-26,0 3 1,0-1-1,2 3 1,1 1 74,0 1 0,2-3 0,1 3-143,0 0 1,1 3 0,-1 2 0,1 0-9,2 0 1,-2 1 0,2 0 0,0 2-64,-1 1 0,3 5 1,-2-1-1,-1 2 8,-1 1 1,-1 1 0,0 4-1,1-1-38,-1 0 0,-2 4 0,-1-2 0,-1 0 65,0 0 1,-1 0 0,-3 0 0,-2-2-59,-2 1 1,0-2 0,-1-3 0,1-1 33,0-2 0,-3 1 1,1-5-1,0 0-94,1-1 1,0-1 0,1 0 0,0-1-270,2-1 0,-2-2 1,2-2-1,1-1-32,1 1 0,1-3 1,2 1 412,1 0 0,4 1 0,4 0 0</inkml:trace>
  <inkml:trace contextRef="#ctx0" brushRef="#br0" timeOffset="1011">302 91 7504,'0'-6'91,"-3"2"0,2 0 774,-3 2-347,2 1-400,-1-2 0,3 4 0,0 1-102,0 3 1,0 1-1,0 2 1,0 3 0,0 1 1,0 2-1,0 2 1,0 2-5,0 3 1,0 1 0,0-1 0,0 2-36,-2 0 1,1-1 0,-2-4 0,1 0-182,0-4 1,0-1 0,2-1-382,0-2 0,0-2 188,0 1 211,0-5 1,0-2 159,0-4 1,-3-1 0,1-4 0,-1 1 22,0-1 1,0 1 0,2-1 0,-2 1 5,-1 0 1,2-4 0,-2 0 79,2 0 0,0 0 0,2 3 0,0-3 94,0 0 1,0 0-1,0-2 1,0 0-81,0-1 0,2-2 0,0 2 0,2 0-21,1-2 0,0 1 0,0-1 0,-1 2 15,1 0 1,0 0 0,0 1-1,0 1 47,0 0 1,-2 3 0,1 0-71,1 1 0,-1 3 0,-1 1 0,1 1-70,0 0 1,0 0-1,2 2 0,1 3 0,-1 0 0,1 4 0,-1-1-18,0 0 0,1 2 0,-1-1 0,1 3-56,-1 0 0,0 0 1,-2 1-1,-1-1 107,0-1 1,-3 2 0,3-2 0,-3 0-16,0 1 0,-3 0 1,-1 0-1,-2 0 10,-3 1 1,2-2 0,-2 0 0,0-3-22,1-1 0,-3 0 1,2-3-1,-1-1-127,1 0 1,1-1 0,1 0 0,1 0 10,-1 0 0,2-3 1,0-1-1,1 0-436,1 0 1,0 2 247,1 0 1,4 2 0,1 0 297,4 2 0,1 2 0,1 2 0</inkml:trace>
  <inkml:trace contextRef="#ctx0" brushRef="#br0" timeOffset="1629">302 277 8577,'5'2'357,"-1"1"1,1 0-204,0 2 0,3 1 1,-1 0-1,3 1-106,0-1 1,-2 2 0,1 0 0,-1-1-311,1 1 0,-1 2 1,-1-2-1,-1 1-273,-2 0 1,2-2 0,-2 2 534,2-2 0,0-1 0,0 1 0</inkml:trace>
  <inkml:trace contextRef="#ctx0" brushRef="#br0" timeOffset="2768">745 65 7210,'0'-4'592,"0"-1"122,0 1-540,0-2 1,0 1 0,-1 2 146,-1 0 0,1 1-12,-4 2 1,1 0-176,-2 0 0,-1 0-86,1 0 1,0 1-1,1 0 1,1 2 2,-1 0 1,1 0-1,0 1 1,-1 1-67,-1 1 0,0 1 0,-1 1 0,1 1 3,0 1 1,-1 0-1,1 4 1,-1 0-83,1 1 1,0 1 0,-1-2-1,1 1 92,2-1 0,-1 2 0,3-1 0,1-1 16,0 0 0,1-4 1,0 1-1,0 0 3,0-1 0,3 0 1,0-2-1,2 0 17,-1 0 0,-1-1 1,2 0-1,0-1-32,0 0 1,0 1 0,2-1 0,-1-1-74,1-1 1,1-3-1,1 1 1,-1-1-27,-1-1 0,1 0 0,1-1 0,-1-1 24,-1-2 0,-1-2 0,1 0 1,-2-1-67,0-2 0,-2 2 1,-1-2-1,0 0 58,-1 1 1,0-3 0,-2 2 0,0-1 95,-1 1 1,-3 1-1,0 1 1,0 1 1,-2-1 1,1 3-1,-1 1 202,1 0 0,-1 1 295,1 2-447,3 0 1,0 0 0,6 2 0,1 0-82,1-1 1,3 0 0,-1-1 0,3 0-27,0 0 0,0 0 0,1-1 0,0 0 40,0-1 0,1 0 0,1 2 0</inkml:trace>
  <inkml:trace contextRef="#ctx0" brushRef="#br0" timeOffset="3809">1098 20 7927,'3'-1'-455,"0"0"566,0-1 362,-2-3 0,1 3 443,-2-2-526,0 3 1,0-2-28,-2 3 0,0 0-192,-2 0 1,0 0-1,-3 1-77,1 1 1,0-1 0,1 3 0,0 1-50,-2 1 1,1 1-1,-4 1 1,2 1-71,-1 1 1,-2 3 0,3 3 0,-1 1-53,0 3 1,2-1-1,-2 3 1,2 0 50,1-1 0,2 2 0,2-2 1,1-2-141,1-1 0,3-1 0,2 0 0,2-2-345,2-2 0,5-2 0,-2-1 0,3-1 511,0-1 0,2-1 0,2 0 0</inkml:trace>
</inkml:ink>
</file>

<file path=ppt/ink/ink2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5:48.18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3 231 7376,'0'-3'1288,"0"0"-659,0 3-306,-2 0 0,1-1-6,-1-1 1,0 1-129,0-1 1,1 1 0,-4 1-170,1 0 1,-2 0 0,-1 0-25,1 0 0,0 1 1,-1 0-1,1 2-30,-1 1 1,1-2 0,-1 2 0,2 1 15,1 1 1,-1-2 0,2 0-1,0 1-67,0 1 0,1 1 1,2-1-1,0 0-103,0 1 1,0-1-1,1 1 15,1-1 1,1 0 0,2 0 0,-1-1-3,1-1 0,3-2 0,0 0 0,0-1-110,-1-1 0,2 0 1,0 0-1,0 0 285,0 0 0,3 0 0,-2 0 0</inkml:trace>
  <inkml:trace contextRef="#ctx0" brushRef="#br0" timeOffset="624">161 398 7388,'4'-2'134,"1"0"1,-3-3-1,2 2-104,1 0 0,1-1 0,0-1 0,-1 2-5,-1 0 0,-2 1 1,2 1-1,-1 0-2,1-1 0,-3 0 0,1 4 21,-1 2 0,-1 2 0,0 1 1,0-1-33,0 0 0,0 1 0,0-1 0,0 1 28,0-1 1,0 1-1,0-1-260,0 0 1,1-2 0,1-2-1,2-1 220,2-1 0,0-3 0,1-1 0</inkml:trace>
  <inkml:trace contextRef="#ctx0" brushRef="#br0" timeOffset="1244">392 13 7813,'0'-4'479,"1"2"0,0 1-145,1-1 1,1 1-89,-1-1 1,2 2 0,2 2-87,1 2 1,-1 2 0,1 1 0,0 1-60,1 1 0,-1 4 1,2 1-1,-3 1-50,-1 3 0,0 3 1,-3 2-1,-1-1-212,0 0 0,-1 4 0,0-5 0,-1 1-189,-1-1 0,-2-1 0,-1-1 0,0-2-344,1-2 0,-1-2 694,-1 0 0,-1 0 0,1 0 0</inkml:trace>
</inkml:ink>
</file>

<file path=ppt/ink/ink2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6:06.83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02 0 9529,'-5'0'15,"1"0"20,3 0-36,-2 0 0,3 1-13,0 1 0,-1-1 31,-1 1 124,1-1-95,-2-1 0,1 1-4,0 1 0,0-1 58,2 3-18,0-2-75,0 4 0,-1-4 1,0 3-15,-1 0 0,-1-1 1,3 2 9,-2-2 0,1 2 0,-1-2 0,0 1-1,0-1 1,1 2-1,-3-2 1,1 3 6,-1 1 0,2-1 1,-2 2-1,-1-1 16,2 0 0,-3-1 1,3 3-1,-2-2 0,1 1 1,0-1 0,-1-1-1,1-1-16,-1 0 1,0 0 0,-2-1 0,1-1 0,-1 1 1,1 1 0,-1 0-14,1-2 0,0 1 0,-1-3 0,1 0-16,-1 1 1,1-2-1,0 1 1,-1-1-2,1-1 0,-1 2 1,1 0-1,-1-1-13,1 0 0,2-1 1,0 0-1,-1-1-9,-1-1 0,2 1 0,-1-3 17,0 1 0,0-2 0,-2 1-11,1-1 0,0-2 0,1 1 0,1-1-22,2-2 0,-1 1 19,1-3 0,1 2 1,-1-2 13,1 2 0,1 2 0,0 1 16,0-1 1,2 3-1,1 0 14,1-1 0,-2 0 0,2 0 0,1 3-7,1-1 0,-2 2 0,0-1 1,1 1 2,1 1 1,0-2 0,1 0 0,-1 1 0,1 2 0,-1 1 0,0 0 0,1 1 1,-1 1 0,1 2-1,1 0 23,1 1 0,-1-1 0,-1 1 0,0-1 3,1 1 0,0 0 1,0 1-1,-1-1 23,0 1 1,-1 0 0,1-1 0,-2 1-7,-1 1 0,2 1 1,-2-1-1,0-1-43,0 2 1,-2-3 0,2 2 0,0 0-96,-1-1 1,1-1 0,1-3 0,-1 0-305,1 0 1,1-2-1,3-2 1,1 0 396,0 0 0,5-2 0,-2-2 0</inkml:trace>
  <inkml:trace contextRef="#ctx0" brushRef="#br0" timeOffset="1273">462 263 7703,'-4'1'-7,"2"1"115,1 3 1,1-2-1,0 1 1,-2 1-40,0 1 0,0-2 0,2 1-90,0 0 0,0 0 1,0 2-55,0-1 0,0-2 0,1 0-10,1-1 0,1 1-93,4-2 0,-1 0 0,1-2-87,-1 0 0,1 0 0,-2 0 265,0-2 0,0 1 0,-1-2 0</inkml:trace>
  <inkml:trace contextRef="#ctx0" brushRef="#br0" timeOffset="1543">436 103 7871,'-3'1'-203,"1"1"0,2-1 0,2 1 0,2-2 203,2 0 0,0-2 0,0-2 0</inkml:trace>
</inkml:ink>
</file>

<file path=ppt/ink/ink2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6:13.84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 0 7821,'-4'0'-10,"1"0"496,0 0-109,3 0-162,-6 0-83,5 0-204,-1 0 1,2 0 137,2 0 1,2 1 0,2 0-148,1 1 1,-1 1 0,1-3 0,0 0-16,1 0 1,0 2 0,2 0 0,0-1-300,0 0 1,-1-1 0,1 0 0,-1-1 394,-1-1 0,2 1 0,0-1 0</inkml:trace>
  <inkml:trace contextRef="#ctx0" brushRef="#br0" timeOffset="385">7 90 7907,'-3'4'344,"2"-2"0,-1-2-249,4 0 1,2 0 0,2 0 0,1 0-90,2 0 0,-2 0 0,4-2 0,1-1-320,0 0 0,0 1 0,1-3 0,0 0 314,0 0 0,3-5 0,0 1 0</inkml:trace>
</inkml:ink>
</file>

<file path=ppt/ink/ink2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6:15.36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45 7254,'-3'-3'1234,"2"0"-948,-2 3 13,3 0-218,3 0 1,1 0 0,4 0-2,1 0 1,0 0 0,0 0 0,2 0-13,3 0 1,0 0 0,4 0 0,-1 0-129,2 0 1,2-1 0,-1 0 0,0-2-381,1-1 0,0 1 1,-2-2 439,0 0 0,0-2 0,1-3 0</inkml:trace>
  <inkml:trace contextRef="#ctx0" brushRef="#br0" timeOffset="564">122 84 7810,'-6'3'66,"1"1"1,2 4-1,-1 3 92,1 1 0,-1 4 0,-1 2 0,1 2-154,-1 1 0,1 3 0,1-3 0,-1 0-73,1-1 1,1-1 0,0 0-1,1 0-160,1-2 0,0 0 0,0-4 0,0-1-847,0 1 1076,0-4 0,0 0 0,0-3 0</inkml:trace>
  <inkml:trace contextRef="#ctx0" brushRef="#br0" timeOffset="1156">205 84 7280,'0'-5'-417,"0"1"1,1 2 702,1-2 0,-1 2 423,1-3 57,-1 4-491,-1-2 0,0 8 0,0 1-176,0 2 1,0 2 0,0 0-1,0 2-79,0 1 1,-2 2 0,-1 1-1,0-1 50,0 1 1,-2 3 0,2-1 0,-2 1-89,1-1 1,3 0 0,-1 1-1,1 1-110,1-1 1,0-3 0,0 0 0,0-1 18,0 0 1,3-1 0,2-3-1,2-1-73,1 0 1,3 0-1,-2-1 1,1-2-286,2-2 1,0 0 466,1-3 0,2 0 0,2-2 0</inkml:trace>
</inkml:ink>
</file>

<file path=ppt/ink/ink2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6:20.05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16 13 6729,'0'-4'881,"0"1"25,0 3-761,0-2 0,-1 1 142,-1-1-186,1 1 0,-2 1 125,0 0-130,3 0 1,-4 0-22,2 0 0,1 2-24,-4 0 0,4 1 0,-2-1-17,0 0 0,3 1 0,-3-2-36,0 1 0,1 3-3,-2-1 1,2 0 0,-2 0 16,2 1 1,-1-2 0,1 0 0,0 0-5,1 1 0,-2 0 0,0 0 20,-1 1 0,3-2 0,-2 2-3,0 0 0,3-2 1,-3 1-1,1-1-17,-1 1 1,1-2 0,2 2-19,-3 1 0,2 1 0,-2 0-24,0 1 1,1-3 0,2 0-1,-1 1 23,-1-2 0,1 3 0,-1-2 1,0 1 2,0 0 0,2 0 0,-3 0-7,3 0 1,-1 2 0,0-1 50,-2 0 1,1 1-35,2-1 0,0 1 0,0-1-13,0 1 1,0-1 2,0 0 1,0 1 0,0-1 2,0 1 1,0-1 0,0 0 0,0 1 1,0-1-2,0 1 1,0-1 1,0 1 1,0-1 0,0 0 2,0 1 0,0-1 1,0 1-1,0-1 0,0-2 1,0 1-5,0 0 1,0-2 0,1 1-4,1 1 1,-1 1 0,1 0 3,-1 1 0,1-3 0,0 0 2,-1 1 1,2 1 0,-1 1 0,0-1 1,1 0 0,0 1 3,0-1 0,-2-2 0,2 0 0,-1 0 7,1-1 1,-1-1 0,0 3-3,0 0 1,0-2-1,-1 1 6,1-1-33,-1 2 1,2-3 0,-1 3-250,0 0 1,1-4-200,-1 1 0,-1 1-21,4-1 1,-3 2 486,2-1 0,0 2 0,3-2 0</inkml:trace>
</inkml:ink>
</file>

<file path=ppt/ink/ink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18.48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7 254 8713,'-5'0'947,"0"0"-703,2 0 1,1 0-122,-4 0 1,3 0 0,-2 1 0,1 1 0,-1 1 1,2 0 0,-2-2 0,0 1-77,0 1 0,-1 4 0,-2-2-127,-1 3 0,3 1 0,0 0 1,0-1 103,-2 1 1,-1 1 0,1 0-1,1 2-154,2-1 1,0 2 0,-2 1-1,2 0 77,1-3 0,-2 3 0,4-1 1,0 2 29,1 0 1,1-5 0,0 3-1,1-2-43,2 1 0,1 0 1,5-4-31,0 1 1,1-4 0,0-2 0,2-1-244,-1 1 1,2-2 0,2 2 0,0-3 337,0-3 0,5-2 0,-1-4 0</inkml:trace>
  <inkml:trace contextRef="#ctx0" brushRef="#br0" timeOffset="710">333 446 6831,'-6'0'775,"0"0"1,3 0-462,-3 0 1,3 0-153,-2 0 1,0 1-77,-1 2 0,-1 2 0,4 4 8,1 0 1,0-4 0,0 1-1,-1 1-55,1 1 0,2-2 0,0-1-30,3 2 1,1 1 0,3 0 0,-1-2 54,1-3 1,0 0 0,2 0-166,0-1 1,0 2 0,-1-1-53,1-1 1,0-2 0,-1-3 0,-2-2 5,0 0 0,-3-2 0,2 1 0,0-2 63,0-1 0,-3 1 1,1-2-1,-2-1-23,-1 0 0,0-1 1,-1 3-263,-2 0 1,-3 2 180,-6 1 0,3 2 0,-3 4 0,2 0 20,1 0 1,4 1 0,0 2 167,1 3 0,1 1 0,3 2 0,0 4 0,0 0 0</inkml:trace>
  <inkml:trace contextRef="#ctx0" brushRef="#br0" timeOffset="1468">516 429 7793,'-1'6'447,"-1"0"0,-1 0-222,1 2 1,0 0 0,1-1 0,-2-2-26,1 2 1,1 1 0,1 1-99,0 0 1,0-1 2,0 1 0,1-4-69,2-2 0,1-2 0,5-2-165,0-2 1,-3 1-1,0-4 1,0 0-25,2 1 1,-2-1 0,0 2 0,0-1-18,-2-2 1,4 3-1,-3 0 51,0 0 0,0 3 224,-2-1 0,-2 4 0,2 4 0,-2 2 52,-1 1 1,0 0 0,0-1-1,0 1-46,0 0 1,0-3 0,0-1 0,1 1 69,1-1 1,0 0-37,4-2 1,-3-2 0,3 1-102,1-4 0,0 0 0,-1-3 0,0 0-179,1 0 0,-2-1 0,1-1 0,0 0-83,2 1 0,-2 0 1,0-2 100,1-1 0,0 0 89,2 0 0,-1 4 486,-2-1-219,-2 4 0,-4 2 0,0 6-66,0 1 1,0 2 0,0 0-1,0 0-119,0-1 0,0 1 0,0 0 24,0-1 1,0 1 0,1-1-897,1-2 1,0 1 66,4-4 1,0-1 0,3-2 750,0 0 0,-1-3 0,1-2 0</inkml:trace>
  <inkml:trace contextRef="#ctx0" brushRef="#br0" timeOffset="2240">909 481 7876,'0'-5'35,"0"1"515,0 1 1,-1 2-180,-2-2 0,3 3-242,-3 3 1,1-1 0,0 3 0,-1 2-68,1 1 1,0 4-1,0-1 1,-1 0-76,1-1 0,1-2 0,1 1 0,0 0-18,0 0 0,0-3 0,1-2 56,2 0 1,-1-1-1,4-3-23,1 0 1,0-1-1,2-2-196,0-3 0,-1-1 0,-2-2 0,0 0 40,1 0 1,1 1-1,0-1 1,-2 0 80,0 1 1,-1 2 0,2 1 0,-2 0-273,-1 0 464,2 3 1,-5-1-1,2 6 104,-2 3 1,-1 2-1,0 1 1,0-1-147,0 1 0,0 0 0,0-1 0,1 1 38,2 0 0,-2-3 0,2 0-4,-2 0 1,3-2-195,2-1 1,1-3 0,2-2-40,0-1 1,0-5 0,-1 0-1,1-1 29,0-2 1,0 1-1,-1 1 1,1 1-1,0 2 1,0-1 0,-1 2 0,0-1 92,-2 0-11,2 4 0,-7-1 1,2 6 380,-2 3 0,-1 2 0,0 2 0,0 0-119,0 2 1,-3-1-1,0-2 1,1 0-402,1 0 1,1-1-448,0 1 0,1-4 1,2-2 35,2-2 1,3-4 0,1-1 560,0-1 0,-1-4 0,1-5 0</inkml:trace>
  <inkml:trace contextRef="#ctx0" brushRef="#br0" timeOffset="2416">1320 481 8245,'0'9'712,"0"0"0,0-3 1,-1-1-1,-1 2-286,-1 1 1,0 4 0,3-1-876,0 0 1,0-4-227,0-1 0,1-5 675,2-1 0,2-8 0,4-6 0</inkml:trace>
  <inkml:trace contextRef="#ctx0" brushRef="#br0" timeOffset="2794">1329 158 8206,'0'-6'458,"0"0"1,0 1-1,1-3 118,2 2 0,-2 1 1,3 3-506,-1-1-33,-2 0 1,3 7 0,-4 2-1,0 2-113,0 1 1,-1-1 0,-1 1 0,-2 0-226,0 0 1,1-1-1,-2 1-153,1 0 0,-2-3 320,3-1 0,-3-4 0,3-1 76,2-5 0,0-5 0,1-2 0,1 1 40,1-2 0,-1 2 0,3-2 0,-1 0 95,0 2 1,3 2 0,-2 0-100,1 0 1,-2 4 71,2 2 0,-3 3 0,1 3-214,-2 3 0,-2 2 0,-1 2 163,-1 1 0,-3-1 0,1 3 0</inkml:trace>
  <inkml:trace contextRef="#ctx0" brushRef="#br0" timeOffset="3826">1608 106 7808,'-1'-9'1385,"-1"0"-366,1 4-905,-3 1 0,4 8 0,0 2 0,-1 3-28,-2 2 1,2 4 0,-2 5 0,1 5-78,-1 3 0,2 2 0,-3 3 0,1-1-10,0 1 0,-2-3 1,2-1-1,1-3-145,1-2 0,1-3 1,0-3-1,0-2-21,0-1 0,0-3 0,1-3-57,2 0-54,-2-1 246,2-3 1,-3-2 49,0-6 0,-2-2 0,-2-3 1,0-1 29,0 0 1,-3-2 0,2-1 0,-1 1 13,1 2 0,2 0 1,-2 0 144,1 0 1,-2 1 117,3-1-239,0 4 0,4 1 0,2 4-46,3 0 1,2 0 0,0 1-1,1 1-234,0 1 0,3 0 1,0-3-1,1 0-400,-1 0 0,3 0 1,-2 0 593,0 0 0,2-4 0,2-1 0</inkml:trace>
  <inkml:trace contextRef="#ctx0" brushRef="#br0" timeOffset="5041">2080 44 9855,'-6'0'636,"1"0"1,2 1-527,-3 2 1,1-1 0,-2 3-100,1-1 1,2 3-1,-3-1 1,1 0 29,-1 0 0,0 2 0,1-1 1,0 3 8,-1 1 0,-1 4 0,-1-3 0,1 2-9,-1 1 0,1 2 0,1 1 0,2 2 36,-2 0 1,2 4 0,0-3-1,0 0-27,0 1 1,3 2-1,-1-1 1,2 1-73,1 0 0,0-3 1,1-3-1,2-2-241,3-1 1,1 0-1,0-2 1,-1-1-463,0 1 1,5-2 0,1-4 724,-2-2 0,0 1 0,-1 3 0</inkml:trace>
  <inkml:trace contextRef="#ctx0" brushRef="#br0" timeOffset="5763">2255 342 7922,'-6'0'733,"0"0"-378,0 0 1,1 0-1,0 0-302,1 3 1,-3 1-1,2 3-20,0-1 1,-1-3 0,2 3 17,-1 0 1,3-1-1,-1 1 7,2 1 0,1-2 1,0 1-58,0 0 0,1 2 0,1 1-83,1 0 1,3-4 0,-2 1 0,0 0 73,3-1 1,-2 3 0,0-2-27,-1 1 1,0-1 0,-2 0 60,1 1 1,0 1 0,-4 0-54,-2 1 1,1 0 0,-4-1 0,-1-2-38,-1 0 0,2-3 1,1 2-1,-2-1-83,-1-2 0,-1-1-146,1-1 1,-1-3 0,1-1-1,2-1-235,3-2 0,-1-1 0,2 0 527,0-1 0,1 0 0,1 1 0</inkml:trace>
  <inkml:trace contextRef="#ctx0" brushRef="#br0" timeOffset="6257">2430 79 7896,'0'18'286,"-1"0"0,-2 2-159,-3 0 0,-2 7 0,0 0 0,-1 3 92,0 0 0,1-1 0,2-3 0,1-1 21,1-1 1,-2 0-1,3-4 1,1-1-80,1-4 1,1-2 0,0-4 0,0-1-17,0 1 0,1-3 0,2-1-142,3-1 1,2-1-1,0-3 1,1 0-72,0 0 1,0-1 0,-1-2 0,1-3-178,0-2 1,-1-1 0,1 1 0,0-1-162,0 0 1,-2 3 0,0 1 0,-1 1-2241,1-1 2646,-3 3 0,0-2 0,-4 4 0</inkml:trace>
  <inkml:trace contextRef="#ctx0" brushRef="#br0" timeOffset="6463">2430 490 7983,'0'9'639,"0"-3"1,1-1-396,2 2 0,-2-2 0,2 0 0,1-1-202,2-2 0,-1 0 1,1 0-683,1 1 1,0-1 639,2-2 0,0 0 0,0 0 0</inkml:trace>
  <inkml:trace contextRef="#ctx0" brushRef="#br0" timeOffset="7008">2683 1 7921,'9'8'1107,"-3"1"1,0 0-712,0 0 0,-1 3 0,1 3 1,0 2-50,-1 4 1,-1 1 0,-4 5 0,0 2-177,0 3 0,-1 2 0,-2 0 0,-3-1-363,-2-1 0,-1-1 1,1 0-1,-1-3-20,0 0 1,0-4 0,1-2-1,-1-3 212,0-2 0,0 7 0,1-6 0</inkml:trace>
</inkml:ink>
</file>

<file path=ppt/ink/ink2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6:27.40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6 20 6376,'0'-4'472,"0"0"31,0 2-22,0 2-12,0-6-5,0 5-308,0-2-65,0 3-82,-3 0 1,3 1 16,-2 1 1,1 0-5,1 2 0,0-2 0,0 2-8,0 1 1,-1-1 0,0 0-35,-1 1 0,-1-1 1,3 0 17,0 1 1,0-2 7,0 2-31,0-1 0,1 2 50,1-2 0,0-1 29,2-3 1,-2 0-1,2 1 73,-1 1-49,-1-2 1,-2 5-34,3-2 0,-3-1 0,3 0-26,0 0 1,-2 1 11,1-1 0,-1-1-4,-1 4 1,0-1 39,0 2 1,0-1-21,0-1 0,0 0 1,-1 2-4,-1-2 0,0 2 0,-1-2-12,0 2 0,-2 0-19,1 1 1,0-2-1,0 0 19,2 0 1,-3-4-15,0 1 0,2-1 5,-1-1 1,-1 0-1,-1 0-142,-1 0 0,1-1 1,0-1-1,-1-2-174,1-2 1,0 2-1,1 0 1,2 1-246,0-1 538,1 3 0,-1-2 0,-1 3 0</inkml:trace>
</inkml:ink>
</file>

<file path=ppt/ink/ink2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6:35.76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45 7 7415,'0'-4'909,"0"2"0,-1 2-632,-1 0 0,1 0-69,-3 0 1,1 0 18,-1 0 1,2 0-318,-2 0 0,2 0 0,-3 2 64,0 3 0,2-2 1,-1-1-1,1 1 10,-1-1 0,1 3 1,-2-1 12,0 2 1,1 0 0,-2 0-1,1 0-15,1-2 1,2 2 0,-2-2 0,1 2-35,2 1 1,-2-1-1,1 0 12,1 1 0,0-1 1,1 1-1,0-1-38,0 0 0,0-1 0,0-1 1,0 1 45,0 1 1,0 0 0,0 1 31,0-1 1,1 0 0,0 1-15,1-1 1,3 1 0,-1-2-2,2 0 1,-2 0 0,1-3 21,0 2 1,0 0-1,0 2-15,-1-2 1,-2 2 0,2-2 62,-2 2 0,1 0 0,-3 1 0,0-1-18,0 1 0,0-1 0,-1 0-31,-1 1 0,-1-1 0,-2 0 0,1-1-13,-1-1 0,-1-2 1,0 0-1,-1-2-62,1 0 1,-1 0-1,1 0 1,-1 0-46,1-2 1,0 0 0,-1-2 0,2-1-171,0-1 1,0 0-1190,0-1 1473,2 1 0,3 2 0,4 2 0</inkml:trace>
  <inkml:trace contextRef="#ctx0" brushRef="#br0" timeOffset="1088">203 315 7042,'0'4'586,"0"0"0,-2 1-484,0 1 0,-3 1 0,3-1 1,1 0 10,0 1 0,1-1 0,0 1-72,0-1 0,0 0 1,0 1-1,0-1-101,0 1 0,1-4 1,1 0 71,2 0 0,2-2 0,0 1-351,1-1 1,-1-1-1,0-1 1,-1-1 338,-1 0 0,-3-6 0,2 1 0</inkml:trace>
  <inkml:trace contextRef="#ctx0" brushRef="#br0" timeOffset="1435">203 129 7836,'-7'0'234,"4"1"319,1 1 0,1-1-885,1 3 0,3-1 332,1 1 0,5 0 0,1 3 0</inkml:trace>
  <inkml:trace contextRef="#ctx0" brushRef="#br0" timeOffset="1722">370 347 7973,'0'6'452,"0"-1"1,0-1-1,0 1-343,0 1 1,0 2 0,0 1-1,0-1-167,0 2 1,0-3 0,0 1 0,0-1 57,0 0 0,2 2 0,2 1 0</inkml:trace>
  <inkml:trace contextRef="#ctx0" brushRef="#br0" timeOffset="2839">536 84 7235,'0'-6'759,"0"1"-202,0 1 60,0 3-464,-2-2 1,-2 3 0,-2 0-133,2 3 0,-1-2 1,2 3-1,0 1-57,0 1 0,-2 3 1,2 0-1,-1 1 4,-1 1 0,2 1 0,-2 1 0,1 0-4,1 0 1,-1 0 0,2-1 0,1 1-29,0 0 1,1-1 0,0 0 0,1-2-26,1-1 0,-1-1 0,3-1 0,1-1 68,1 1 1,0-2 0,2 0 0,-1-3-9,2-2 1,0 0-1,-2 0 1,1 0 1,0 0 1,1-2-1,-1-3 1,1-1 15,-1-3 0,-1 2 0,-1-4 0,1-1 82,-1 0 1,-2-3 0,0 0 0,-1-2 29,-2-1 1,0 2-1,-1-1 0,-1 0 9,-1 0 1,-2 3-1,-2 2 1,0 2-136,-1 1 1,-1 1 0,-1 4 0,0 2 41,0 1 1,2 2 0,-1 1-1,0 2-211,2 2 1,2 2 0,0 2 0,1-1-110,2 0 0,1 2 0,2-2 0,2 0 303,2 1 0,3 1 0,1-1 0</inkml:trace>
  <inkml:trace contextRef="#ctx0" brushRef="#br0" timeOffset="3182">575 244 8501,'2'5'402,"1"-1"-323,0 1 1,2 3 0,1 0-253,1 0 1,-2-1 0,0 0 0,-1-2-412,1 0 0,-1 0 584,0 0 0,-2 0 0,1 2 0</inkml:trace>
  <inkml:trace contextRef="#ctx0" brushRef="#br0" timeOffset="3480">703 334 7873,'0'7'327,"-2"-3"1,0 0-178,0 1 0,1 3 0,0 0 1,-2 0-70,2-1 0,0 2 0,1 0 0,0-2-4,0 1 0,0-2 0,0 0 0,1 0-233,1-2 1,0 0 0,2-3-1,1 1-145,1 0 1,0-1 0,0-1 0,1-1-219,-1-1 1,-2-2 518,1-2 0,-1-1 0,2 1 0</inkml:trace>
  <inkml:trace contextRef="#ctx0" brushRef="#br0" timeOffset="3757">697 225 8058,'-3'-3'1118,"2"0"0,-1 6-1251,1 1 1,4-1 132,1 2 0,2-4 0,1 2 0</inkml:trace>
</inkml:ink>
</file>

<file path=ppt/ink/ink2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6:41.04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353 7201,'4'1'288,"-2"1"0,-1 2 0,-1 2 0,0 0-212,0 1 1,-3-1 0,1 1 0,1-1-200,0 0 0,1 1 1,0-1-525,0 1 647,0-1 0,3 1 0,1-1 0</inkml:trace>
  <inkml:trace contextRef="#ctx0" brushRef="#br0" timeOffset="1155">122 77 7905,'0'-6'-315,"0"-1"562,0 1 549,0 3-111,0-3-618,0 5 0,0-1-42,0 4 1,0 0-1,1 2 1,0 1-35,1 0 0,0 4 0,-1 0 0,1 1 10,0 2 0,0 2 0,-2 2 0,0 0-12,0 2 1,0-2 0,0 1 0,0 0-86,0 0 1,0-1 0,0-4 0,0-1-217,0 0 0,0-3 92,0 0 188,0-1 0,0-4 1,0-3-1,0-3 15,0-3 0,0-3 0,0 0 0,0-1 68,0-1 1,0-1-1,-1-2 1,0 0 5,-1-1 0,-1-3 0,1 1 1,0-2-46,1 0 0,-2 1 0,1 0 0,0 2 78,2 2 1,0 1 0,0 4 0,2 1 41,0-1 0,1 2 0,-2 0 0,2 3-11,1 1 0,-2-1 1,2 1-99,1 2 0,1 0 0,0 2 0,1 1-26,-1 2 1,0 2 0,1 1 0,-2 1 4,0 1 1,0 1-1,-3-1 1,0-1-36,1 2 1,-2-2-1,1 2 1,-2-1 55,-2-1 1,-1-1-1,-2 0 1,0 0-66,0-1 1,0 2 0,-2-4-1,1-1 12,0 0 0,-1-3 1,1 0-1,-1 0-193,1 0 0,2-3 1,0-1-1,1-2-139,2 0 1,0 0 0,1-1 0,1 2 361,1 0 0,4 0 0,4 1 0</inkml:trace>
  <inkml:trace contextRef="#ctx0" brushRef="#br0" timeOffset="1682">263 289 7820,'-3'0'130,"-2"3"0,2 0 87,-1 1 1,3 2 0,-2-2-119,0 2 0,0 0 0,-1 0 0,2 1 54,1-1 1,1 1-1,0-1-299,0 1 0,0-1 1,1 0 63,1-2 0,-1 1 1,4-3-1,0-1-257,0 0 0,2-2 0,-1 0-130,1-1 1,-2-3 468,0 1 0,0-2 0,-1 0 0</inkml:trace>
  <inkml:trace contextRef="#ctx0" brushRef="#br0" timeOffset="1981">270 174 7833,'-1'-4'-159,"-1"2"0,1 2 56,-1 2 0,1 2 0,1 2 56,0 0 47,0-2 0,0 2 0,0-3 0</inkml:trace>
  <inkml:trace contextRef="#ctx0" brushRef="#br0" timeOffset="2743">436 360 8250,'0'6'326,"0"0"0,0 2 0,0-1-320,0 2 1,0 2 0,0-2 0,0 0-291,0 0 0,0 0 1,0-3-1485,0 1 1768,0-4 0,3 0 0,1-3 0</inkml:trace>
  <inkml:trace contextRef="#ctx0" brushRef="#br0" timeOffset="3451">539 212 7742,'0'-4'999,"0"2"-844,0 2 1,0 2-1,0 3-71,0 0 0,0 2 0,0 0 0,0 1-117,0 0 1,0 3 0,0-2 0,0 1-94,0-1 0,0-1-27,0-1 0,1-1-15,1-2 0,-1-2 139,4-4 0,-2-2 0,1-2 0,-1-1 6,0 1 0,-2 0 0,3-1 0,0 1 22,-1 2 0,-1-2 0,3 2 0,0-1-49,0-2 1,2-1-1,-1 0 1,1 2-133,-1 0 0,0-1 0,1 3 0,1-2-794,1 0 976,2 2 0,-4-1 0,3 1 0</inkml:trace>
  <inkml:trace contextRef="#ctx0" brushRef="#br0" timeOffset="3941">725 347 6840,'-4'2'1818,"0"1"-1563,1 0 1,0-1-1,2 3 1,-1 0-126,0 0 1,1 0-1,0-1 1,-2 1-56,2 1 1,0 0-1,1 0 1,0 1-60,0-1 1,0 1 0,0-1-56,0 1 1,3-2-1,1 0 1,0-1-132,0-1 0,-2-1 0,3-2-1140,0 0 1,0-1 1309,2-1 0,-1-2 0,1-2 0</inkml:trace>
  <inkml:trace contextRef="#ctx0" brushRef="#br0" timeOffset="4220">738 244 8170,'-7'0'832,"4"0"0,1 0-832,4 0 0,1 0 0,4 0 0</inkml:trace>
  <inkml:trace contextRef="#ctx0" brushRef="#br0" timeOffset="4870">905 372 8008,'-4'3'248,"1"-1"0,3 2 1,0 1-63,0 1 1,-2 3 0,0 2 0,0 0-357,2 0 0,0 0 1,0-2-1,0 1-1172,0-1 1342,0-1 0,0-1 0,0-1 0</inkml:trace>
</inkml:ink>
</file>

<file path=ppt/ink/ink2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6:47.72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1 77 6618,'3'-3'363,"0"3"-229,-3-3 3162,0 3-3237,-3 0 0,2 0 8,-4 0 1,3 0-65,-2 0 0,2 1 1,-2 0-17,-1 1 1,1 0 0,0-2-6,-1 0 1,1 2 0,1 1 0,-1 0-27,1 0 1,-2 2 0,-1-1-17,-1 2 0,2-2 0,0 0 0,0 1-9,1 1 1,0 1 0,0-1 0,1 0 33,-1 1 1,2-1 0,-1 1 0,-1-2 13,0 0 1,3 2-1,-1 0 16,1 0 1,1-2-1,0-1-51,0 1 1,0-1-1,0 0-54,0 1 1,0-1 56,0 0 0,3-1 1,1 2 61,-1 0 1,1-4-1,-3 2 93,1 0 125,3-2-196,-4 4 1,2-3 0,-3 2-33,0 1 0,0-2 0,-1 2-78,-1 0 1,1 0 0,-3 2 0,0-1 12,1-2 1,-1 2-1,-1-3 1,2 1-15,0 1 1,0-2-1,2 2 1,-2 0-2,2-1 1,-2 0-1,1 0 51,1 1 1,-2 1 54,1 0 0,-3 1 0,3-1-52,-2 1 1,3-1-1,-2 1 86,3-1 0,-1-2 1,0 0-46,-2 1 0,1-1-15,2 0 0,0 1-12,0 1 22,3-2 0,0-1 0,2-1-5,-1 0 1,-2 0 18,3-2 0,-4 1 0,2 0-4,0 1 1,-3 1 0,3-1 50,-3 2 0,0 0 0,0 0-49,0 1 1,0-1-1,0 0 2,0 1 1,2 1-73,1 0 1,-1 1 36,1-1 0,-2 0 0,3-1 0,-1-2-7,1 0 1,-2-1 0,2-2 0,1 0 7,1 0 0,0 0 0,1 0 0,-1 0-168,0 0 1,3-3 0,0-1 0,1-2-1330,-1 0 1508,-1 0 0,2-4 0,0 0 0</inkml:trace>
  <inkml:trace contextRef="#ctx0" brushRef="#br0" timeOffset="2059">308 180 8588,'0'3'116,"0"3"0,0-2 0,0 2 0,0 0 96,0 1 1,-2 1-240,0 1 0,-2 2 0,1 0 0,-1 1 49,-1 1 0,2 2 0,-2 0 0,1-1-40,0 0 0,-1-1 0,1-1 0,0 1-19,0 0 1,2-1 0,0 0-1,1-2-29,1-1 1,0-1 0,0-1 39,0-1 1,3 1-1,-1-2 1,2 0-4,1 0 0,1-3 0,0 2-56,0 1 1,1-1 0,-1-1 0,1 0-136,-1-2 1,1 0 0,-1 0-309,0 1 0,-1-1 528,-1 1 0,-3-1 0,2-1 0</inkml:trace>
  <inkml:trace contextRef="#ctx0" brushRef="#br0" timeOffset="2375">212 385 7180,'6'0'0,"1"0"156,-1 0 0,3-2 0,2 0 0,1 0-201,1 2 1,-1-1 0,0 0 0,-2-2-290,2 2 1,-2 0 333,0 1 0,1-3 0,2 0 0</inkml:trace>
  <inkml:trace contextRef="#ctx0" brushRef="#br0" timeOffset="3335">449 488 9019,'-4'0'374,"0"3"0,2 0 0,0 4-411,1-1 1,-1-2-1,0 1 1,1 0 72,0 0 1,1 2 0,0 0 0,0 1-26,0 0 0,1 1 1,0-3-1,1 1-61,0-1 0,1 0 0,-1 1-105,2 2 1,-3 0 0,2 2 213,-3-2 1,0-2-1,0-1 1,0 0-30,0 1 0,-3-1 0,-1-1 0,-2-1-26,0 1 1,0-2-1,-1-1 1,1-1-208,-1-1 1,1 0 0,0 0 0,0-1 13,2-1 0,-2-2 0,2-2 0,1-1-117,1 1 0,1-1 1,1 1-62,0 0 367,0-1 0,6 1 0,1-1 0</inkml:trace>
  <inkml:trace contextRef="#ctx0" brushRef="#br0" timeOffset="3632">475 366 7576,'-4'3'440,"2"1"0,1 0-2132,1 0 1692,0-3 0,0 5 0,0-2 0</inkml:trace>
  <inkml:trace contextRef="#ctx0" brushRef="#br0" timeOffset="4718">520 71 7570,'0'-4'1271,"0"1"-673,0 3-567,3 0 1,0 3 0,4-1 0,-2 0-39,0 1 1,0-3-1,0 3 1,0-1-86,2 0 1,-1 3 0,1-2-1,-1 0 15,0 2 1,1 0 0,-2 0-1,0-1 9,0 1 1,-3 1-1,1 1 47,0-1 1,-1 0 0,-2 1 0,-2-1-7,0 1 1,-3-1 0,2 0 0,-2 1 29,1-1 0,0 1 0,-1-1-2,1 0 1,1 1 0,-2-1-14,3 1 1,2-1 0,0 1 11,0-1 0,0-2 8,0 1 1,0-1-7,0 2 0,0 1 25,2-1 1,-1-2 0,2 1-15,0 0 0,-2-2 1,1 1-62,-2 1 0,0-1 0,0 0 26,0 1 0,0 1 0,0 0-10,-2-2 1,1 2-39,-1-2 0,1 2 21,1 0 0,0 0 0,0 1 13,0-1 0,0-1 1,0-1-74,0 1 0,2-2 0,0 2 24,0 0 0,-1-2 127,1 1 0,-1-1 0,2 1-21,0 1 0,-3-2 0,2 2-17,-1 0 0,-1-2 0,1 1 1,0-1 1,1 1 1,1-2 0,-3 2 58,0 1 0,0 1 16,2 0 1,-1 1-13,1-1 1,-1 1 0,-1-1 0,0 1-24,0-1 1,0 0-1,-1 1 1,0 0-73,-1 1 1,-3 0-1,0 0 1,0-1-24,-2 0 0,1-1 1,0 0-1,0-1-15,2-1 1,-2-3 0,2 2-1,-2-3-320,-1 0 0,3 0 0,0 0-445,-1-3 829,2 0 0,-3-3 0,3-1 0</inkml:trace>
  <inkml:trace contextRef="#ctx0" brushRef="#br0" timeOffset="5776">693 7 7857,'0'-4'562,"0"1"838,0 3-1171,0 3 1,0-1-189,0 2 0,0-2 1,0 2-54,0 1 0,0-1 0,1 0-8,1 1 0,-1 2 1,3 1-1,-1-1 26,-2 1 1,3 1 0,-1-2 0,1 2-29,-2-1 1,1 1-1,1 0 1,0 1 28,1 2 1,-3 0 0,1 1 0,1-1 13,-1 1 1,-1 3 0,1 0-1,-1 1-5,0 1 1,0-2-1,-2 2 1,0-1 33,0 1 1,-2 0-1,-2 1 1,0 1-130,-1-1 0,-4 3 0,2 1 0,0 0-135,0-2 0,-1 3 0,-1-2 0,1-1-100,1-2 0,1 0 1,1-3-1,1 0-203,-1 0 0,2 0 517,1-3 0,-1 4 0,-1-4 0</inkml:trace>
</inkml:ink>
</file>

<file path=ppt/ink/ink2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7:21.10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7 0 5945,'-3'3'8,"0"-2"1,2 2-45,-1-3 75,1 0 1,-2 0 225,1 0 1,1 0-78,-5 0 1,5 0 15,-4 0 0,3 0 0,-2 0-41,-1 0 0,1 0 0,1 0 113,0 2 1,-2-1 82,1 1 1,0-1 282,0-1-201,0 0-31,0 0-393,1 0 19,3 0 1,3 0-10,1 0 1,2 0 0,0 0 0,1 0-11,-1 0 0,1 0 0,-1 0 1,1 0-32,-1 0 0,0 0 1,2 0-1,-1 0-103,2 0 1,-1 1 0,-1 0 0,-1 1-11,1 0 1,-1 1 0,1-1 0,-2 0-45,-1 1 0,2-2 157,-2 3 0,-1 1 1,-1 1-1,-1 1-34,-1-1 1,-3 0 0,0 1 0,-2 0 106,1 1 1,-1 0-1,-3 0 1,0-1-62,0 0 1,0 1-1,0 1 1,0-1-54,0-1 1,1-1 0,0 1 0,2-1-95,0 0 1,0-1 0,3-1 30,-2 1 0,3 1 79,-2 0 1,3 0-1,0 0 31,3-2 0,0 1 1,4-2-1,-1-2 16,0 0 1,1-1-1,0 0 1,1 0-116,0 0 1,3 0-1,-2 0 1,-1 0-87,1 0 0,-1-1 0,2 0 193,-1-2 0,3-2 0,-2 2 0</inkml:trace>
  <inkml:trace contextRef="#ctx0" brushRef="#br0" timeOffset="363">64 135 7852,'0'3'452,"1"0"0,1-3 1,3 0-246,0 0 0,2 0 1,0 0-1,1 0-247,0 0 1,1 0-1,-2 0 1,1 0-334,0 0 0,1 0 0,-2-2 0,1 0-1050,0 1 1423,-2 0 0,0-2 0,-3-1 0</inkml:trace>
</inkml:ink>
</file>

<file path=ppt/ink/ink2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7:22.73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513 6939,'-3'1'2354,"1"1"-2293,1-1 1,1 1 0,1-4-6,1-2 1,-1 0 0,3 0 0,-1-2-26,1-2 1,0 1-1,3-2 1,-1 0-79,0 1 0,1-4 0,-1 2 0,1-2-2,-1 2 1,1 0-1,-1 4 1,0-1-156,-2 1 0,2 2 199,-2 2 0,-1 3 0,-1 3-13,-1 2 1,-2 5 0,-1-1 0,0 3 55,1-1 1,-2 0-1,1 0 1,0-2-235,2-1 1,0 2 0,0-3 195,0 0 0,3-1 0,0 0 0</inkml:trace>
  <inkml:trace contextRef="#ctx0" brushRef="#br0" timeOffset="1790">347 238 7510,'0'-4'541,"0"1"1000,0 3-1484,3 0 1,1 0-1,2 1-63,1 1 1,-1-1 0,0 1-126,1-1 0,-1-1 0,1 0-1731,-1 0 1862,0 0 0,4 0 0,0 0 0</inkml:trace>
  <inkml:trace contextRef="#ctx0" brushRef="#br0" timeOffset="2097">335 302 7904,'0'4'256,"0"0"0,0-2 0,0 2-130,2-1 0,3-1 1,2-2-258,2 0 0,2 0 0,-2 0 0,1 0-238,1 0 0,1-2 369,-2 0 0,3-3 0,-3 1 0</inkml:trace>
  <inkml:trace contextRef="#ctx0" brushRef="#br0" timeOffset="3452">796 19 9273,'0'-3'730,"-3"0"1,0 3-633,-4 0 1,3 0 0,0 0-72,-1 0 0,1 0 1,0 0 15,-1 0 0,-1 2 1,0 1-38,0 1 1,-1 0 0,1 2-30,-1-2 1,1 2 0,0-2-1,0 1 3,2 2 1,-2-1 0,2 1 0,-1-1 12,0 1 0,0-1 0,2 0 0,1-1-17,-1-1 0,1 0 0,1 2 0,-1-1-60,0-1 1,0 0-8,2 3 1,0-1 0,1 0-21,1-2 0,-1 0 1,2-3 28,-1 1 0,0 1 1,2-1 29,1 0 1,-1 2 18,0-2 0,-2 3 76,2-3 0,-2 3 26,0-1 0,-1-1 1,-1 2-67,0 0 1,-1 0-1,0 0-69,-2-1 0,1 0 0,0 1 7,0-1 0,-1-1 0,2 2 7,-1 0 0,-1-3 1,3 2-42,0 1 0,0 1 0,0 0 49,-2 1 0,1-1 0,-1 0-8,1 1 1,1-3 39,0 0-29,0 1 0,0-1 12,0 0 0,1-2 10,1 0 0,-1-2 36,4 0 1,-3 0 139,2 0 0,-3 1-58,2 1 0,-3 2 0,-2 2-49,0 1 1,-2-1-1,1 1-117,-1-1 1,2 0 0,-1 1 19,0-1 1,1 1-1,1-1 28,-1 0 0,1 1 0,-1-1 0,1 1 13,1-1 1,1 1 0,0-1 52,1 0 0,3 1 0,0-2-85,0 0 1,2 0 0,-1-3 0,1-1-250,-1 0 0,1-1 0,-1 0 0,0 0-1298,1 0 1585,-1 0 0,1 3 0,-1 0 0</inkml:trace>
  <inkml:trace contextRef="#ctx0" brushRef="#br0" timeOffset="4608">1156 225 7682,'0'-4'762,"0"1"0,0 3-565,2 0 1,-1 1-166,1 1 1,-1 2 0,-2 2 0,0 1 8,-1-1 0,-3 2 1,1 1-1,0 0-142,0 0 1,-1-2 0,-1 2 0,-1 0 31,1-1 1,0 3 0,-1-2 0,1-2-1,-1 1 0,3-3 0,0 0 0,-1 0 30,-1 0 1,0-2 0,1 1-1,1-2-38,-1 0 0,2-1 0,-2-1 67,0 0 1,0-1 0,0-1 9,1-3 1,2 1 0,-2-1-1,2 0 72,0 0 0,-1 0 1,1-2-32,1 1 0,0-1 0,1 1 58,0-1 1,0 1-128,0 0 1,1-1 3,1 1 0,1-1 1,4 1 0,-1 0 0,1 2 48,-1 2 0,-2-1 0,1 1 52,0 0 1,-2 2 0,1 3 7,1 1 1,-2 2 0,0-1 0,-1 0 22,0 0 1,3 1-1,-3 3 1,0-2 6,1 0 0,-2 0 0,3-1 0,-1 1-70,1-1 1,-2 1 0,2-1 0,1 0-74,1-2 0,0 1 1,1-2-1,-1 0-91,1-1 1,-1 1 0,1-3 118,-1 0 0,0-3 0,1-1 0</inkml:trace>
  <inkml:trace contextRef="#ctx0" brushRef="#br0" timeOffset="5374">1297 379 8361,'-3'4'430,"1"0"1,-2 0 0,2 3-401,1-1 1,0 1-1,1-1-174,0 1 0,1-1 0,1 0-144,2 1 0,-1-4 0,2 0-14,0 0 1,0-2 0,2 1-48,-1-1 0,1-1 1,-2-1 348,0-1 0,-2-2 0,-1-2 0,2-1 0</inkml:trace>
  <inkml:trace contextRef="#ctx0" brushRef="#br0" timeOffset="5711">1316 270 7847,'0'-4'-205,"1"1"205,1 3 0,-2 3 0,3 1 0</inkml:trace>
  <inkml:trace contextRef="#ctx0" brushRef="#br0" timeOffset="6933">1483 26 7680,'-3'3'89,"1"0"588,-2-3-63,3 0 175,-2 0-643,3-3 0,0 2 1,1-3-58,1 2 1,-1-3 0,3 3 0,1 0-28,1-1 0,-2 2 1,1-1-1,0 2-224,0 0 0,2-3 0,-1 1 0,1 1 110,-1 0 0,0 2 0,1 1 47,-1 2 1,-2 1 0,0 0 0,-1 0 0,-2 0 1,0 0-1,-1 2 0,0 2 1,-1 0-1,0 2 1,-2-3-3,-1 0 0,2-2 1,-1 0 4,0 1 1,-1-1 0,2 1 0,-1-1-3,1 0 1,1 1-1,-1-1-10,1 1 0,1-1-20,0 1 1,0-1 0,0 0 4,0 1 0,0-3 1,0 0-34,0 1 1,0-1 0,0 0-38,0 1 0,2-1 49,0 0 0,0 0 23,-2 3 1,0-1 0,0 0 35,-2-2 0,1 2 0,-1-2-13,1 2 0,0-1 0,0 0 1,-1 0-7,0 0 1,2-2-1,0 2 1,0 0-5,0 0 0,0 0 0,0-1-23,0 1 0,0 0 0,0 2-35,0-1 0,0-1-45,0-1 87,2 0 1,1 3-1,2-2-5,0 0 0,-4-2 0,2-1 9,0 0 1,-1 3 0,3-2 53,0 1 1,-4 1-25,1 0 1,-1 0 0,-1 2 0,0-1 155,0 1 0,0-1 0,-1 1 1,0-1-77,-1 0 1,-3 1 0,0-1 0,0 1-42,-2-1 0,1 0 0,0 1 0,-1-1-33,1-2 1,-1-1 0,1-1 0,-1 0-418,1-1 1,0 0 0,-1-1 405,1 0 0,-1-3 0,1 0 0</inkml:trace>
</inkml:ink>
</file>

<file path=ppt/ink/ink22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8:29.74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7 1 7887,'-4'0'0,"0"0"2068,2 3-1079,-1-3-312,3 3-1294,0-3 546,3 0 1,1 0 0,2 0 1,-1 0 0,-1 0 29,1 0 0,0 0 0,2 1-94,-1 1 1,1-1 61,-1 1 1,1 1 52,-1-1 1,-2 3 128,-2-1 0,-2 0 0,0 0-40,0 1 0,-2 2 0,-3 1 0,0-1-63,-2 1 0,0 2 0,-1-2 1,0 1 14,0 0 1,-1 0 0,-1 3 0,1-2-118,0 2 0,0-1 0,3 1 0,-1-2 53,1-1 1,0 2-1,1-3 1,2 0 17,0-1 1,1 0-1,2-1 1,0 0-1,0 1 0,0-3 1,3 0-1,1-2 65,2 0 1,2 1 0,1-1 0,1-1 79,-1 0 1,2-2-1,-1 0 1,1-1-164,0 0 1,-1-1 0,0 1 0,-1 1-353,-2 0 1,2 1-1,-1 0-81,0 0 475,-4 0 0,2 3 0,-3 1 0</inkml:trace>
  <inkml:trace contextRef="#ctx0" brushRef="#br0" timeOffset="341">0 135 8166,'7'0'341,"-1"0"1,1 0-375,-1 0 0,0 0 0,1 0 1,1 0-161,1 0 0,0 0 1,-1 0-1,1-2 84,-2 0 109,3-3 0,0 2 0,3-4 0</inkml:trace>
  <inkml:trace contextRef="#ctx0" brushRef="#br0" timeOffset="939">263 225 7816,'0'-3'1185,"3"-2"-1005,1 2 1,2 1-1,0 0-70,1 0 0,-1 0 1,1 2 40,-1 0 1,-2 0 0,1 0-198,0 0 1,-2 3 0,-1 1 88,-2 2 0,0 1 0,-2 1-29,0 0 1,-3 3 0,0-3 0,-2 0 10,-2-1 1,1 2 0,1 0 0,2 1-27,1-1 0,-1-1 0,2-1 0,0-1-43,0 1 1,1-1-1,2 0-96,0 1 0,1-1 1,1 0-1,2-1 80,2-1 0,2-2 1,1 0-1,1-1-73,2-1 133,3-3 0,-2-1 0,3-2 0</inkml:trace>
</inkml:ink>
</file>

<file path=ppt/ink/ink22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8:31.80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0 0 8028,'-3'0'1108,"-3"0"1,6 0-1361,0 0 0,3 1 82,3 1 1,1-1 0,-1 1-1,0-1-145,1-1 1,-1 0 0,1 0 0,-1 0-346,1 0 660,-1 0 0,3 0 0,1 0 0</inkml:trace>
  <inkml:trace contextRef="#ctx0" brushRef="#br0" timeOffset="282">1 64 8516,'1'5'45,"1"-1"1,1-3-1,5 1 1,-1 0 0,3-1-285,0 1 0,0 1 239,3-3 0,0-3 0,0-1 0</inkml:trace>
</inkml:ink>
</file>

<file path=ppt/ink/ink22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8:34.30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86 0 9420,'-4'0'340,"0"0"1,2 0-283,-3 0 1,1 0-1,-2 0-99,-1 0 1,2 1-1,-1 0 1,0 2 7,-1 1 1,-1 0-1,2 2 1,-1 1 8,-2-1 0,2 1 0,-1 0 1,0 1-33,-1 0 0,2 1 1,-2-1-1,2 1 54,1-1 1,0 0 0,1-1-1,2 3-37,0 0 0,0-3 1,2 3-1,-2-2-25,2 1 0,0 0 0,1-1 0,0 1 6,0-2 1,0 0 0,0 0 21,0-1 0,0 1 0,0-1 0,1 1 27,1-1 1,0 0 0,1-1 0,0-1 21,-2 1 0,2-2 0,0 2-7,1 0 0,-3-2 0,2 2 18,0 0 1,-3 0 40,3 2 1,-3-1 0,0 1-34,0-1 1,0 0 0,0 1-23,-3-1 1,2 1 0,-3-1-1,2 0-13,0 1 1,1-1 0,-1 1 0,0-1-79,1 0 1,-2 1-1,1-1-3,0 1 0,2-1 47,0 1 0,0-1 18,0 0 1,0 1 6,0-1 1,2-2 0,1 0 74,0-1 1,-1 2 0,3-1 0,-4 0 22,1 0 1,1-2-1,-1 2-3,0 1 1,-2-1 0,0 0-68,0 1 1,0 1-1,0 0 1,0 1 5,0-1 1,-2 1 0,0-1-17,1 0 0,-2 1 1,1-1-21,0 1 0,1-1 0,1 0 0,0 1 24,-2-1 0,1 1 1,-1-1-1,0 1 8,0-1 1,2 1 0,-3 1 0,1 0-3,-1 0 0,1-1 0,0 0 0,0 0 5,1 2 1,-2-2-1,1 2 1,0 0 3,1-1 0,1 1 0,0-2 1,0 1-23,0 0 1,0 1 0,0-1 0,1 1 4,1-1 0,2-1 0,3-1 1,2 1-98,1-1 1,2 0-1,1-1 1,1-2-629,1 0 1,0-1 716,2-2 0,5 3 0,-2 1 0</inkml:trace>
</inkml:ink>
</file>

<file path=ppt/ink/ink22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8:48.93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30 13 7882,'2'-4'746,"0"-1"10,0 4-124,-2-2-372,-3 3 0,2 0-113,-3 0 0,-1 1 1,-1 0-42,-1 1 1,3 3 0,0-3-1,-1 0-88,-1 1 0,0 0 1,-1 2-1,1-1-83,0 1 1,-1 0 0,1 0 0,-1-1 28,1 1 1,-1 1-1,1 0 1,0 1-12,-1-1 1,1 1 0,-1-1 0,2 0-85,0 1 1,0 1 0,3 1 0,-1-1 1,0-1 0,-1 0 0,1 1 85,2 0 0,0 1 1,1-3-1,0 1-16,0-1 1,0-2-1,0 1 77,0 0 1,2 0 0,1 1 0,1-1-22,1-1 1,-2 0 0,2 1 0,0-2 99,0 0 1,0 2 0,-1-1 0,0 0-88,0 0 1,1 1-1,-2 1 1,-1 1 2,1-1 0,-1 0 1,-2 1-1,0 1 16,0 1 1,0 0 0,-2-1 0,-1 1-13,0-2 0,-1 0 0,-3 0 1,0-1-67,-1 1 0,0-2 0,-1 0 0,1-1-82,-1-1 1,0-1 0,2-2 0,0 0-146,-2 0 0,0-1 1,3-1 80,0-2 1,1-2 0,2 0-161,0-1 1,4 3 0,3 0 355,2 2 0,3-1 0,1 3 0</inkml:trace>
</inkml:ink>
</file>

<file path=ppt/ink/ink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32.83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1 18 7243,'-9'0'2332,"3"0"-2128,0 0 288,5 0-252,-3 0-170,4-4-130,0 3 0,4-3 0,0 3 60,1-2 0,3 2 1,-2-2-53,2 2 0,3 1 0,1 0 31,-1 0 1,-2 0 0,0 0-15,0 0 1,-3 1 0,-1 2-6,2 3 1,-3-1 0,-1 1 21,-2 1 0,-1 0 0,-1 2-13,-2 0 0,1 0 1,-4 0-1,0 2 7,-2 1 0,-1-1 1,0-2-1,1 1 1,-1 1 1,-3-1-1,1 3 1,0-2-21,1 1 0,1 1 0,1-3 0,-1 2 0,0-1 1,1 1 0,3 0 0,1-1 88,0-2 0,3-3 0,-2 0 3,2 1 1,2 0 149,2-2 0,2 2 1,4-4-1,2-1-51,1-1 0,-1-1 0,-1-1 0,1-1-144,0-1 1,5-3 0,-2 2 0,0 1-120,1-1 1,-5-2 0,2 3 0,-2 1-533,-2 1 0,1 1 647,0 0 0,0 0 0,-1 0 0</inkml:trace>
  <inkml:trace contextRef="#ctx0" brushRef="#br0" timeOffset="410">27 184 7877,'-6'0'810,"1"0"-331,3 0 1,-1 0-290,6 0 1,2 1 0,6 1-402,1 1 1,0 0 0,0-3 0,2 0-79,-1 0 1,4 0 0,-3 0-1,3-1-549,0-2 838,1-2 0,-1 0 0,1 1 0</inkml:trace>
</inkml:ink>
</file>

<file path=ppt/ink/ink23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8:49.36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 1 7830,'-4'3'-70,"1"0"0,1 4 127,0-1 1,-1 0-1,2 1 1,-1-1 129,0 1 1,-1-1 0,1 0 0,1 1-146,0-1 1,1 1-1,0-1-62,0 1 1,3-3-155,1 0 1,2-2 0,0 0 0,1-2-486,-1-2 0,-2-2 659,1-2 0,-1-1 0,2 1 0</inkml:trace>
</inkml:ink>
</file>

<file path=ppt/ink/ink23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8:49.63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1 8377,'0'4'-115,"0"0"1,2 0 0,2 3 0</inkml:trace>
</inkml:ink>
</file>

<file path=ppt/ink/ink23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8:50.0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6 12 7994,'0'-6'874,"0"2"0,0 2 0,0 4-780,0 3 1,0 0 0,0 2 0,0-1-540,0 1 0,0 1 1,0 2-1,0-1-736,0 0 1,0 0 1180,0-3 0,-2 3 0,-2 1 0</inkml:trace>
</inkml:ink>
</file>

<file path=ppt/ink/ink23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8:58.60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58 134 7612,'-1'-4'-599,"-1"2"164,2 2 503,-3 0-267,3 0 1,-3 0 0,-1 0 0</inkml:trace>
  <inkml:trace contextRef="#ctx0" brushRef="#br0" timeOffset="1866">135 57 6164,'0'-4'0,"0"-1"-41,0 4 1,0-3 72,0 2 18,0 2 0,1-3 120,1 3-2,-1 0 0,2-1 366,-3-1-11,0 1-36,0-2 439,0 3-723,-3 0 0,1 0-7,-2 0 0,2 0-50,-2 0 0,1 0-102,-1 0 0,0 0-26,-3 0 1,3 3 0,0-1 20,-1 2 1,1-2 0,1 2-1,-1 1-118,1-2 0,1 3 0,-3-2 1,1 2 59,0 0 0,-1 1 0,1 0 1,0 1 9,0 0 0,0 1 0,-1-2 0,1 1 3,-1 0 1,1 3 0,0-2-1,0 0-12,0 1 0,1-1 0,1-1 1,0 0 11,1 0 0,-2 2 0,1-1 0,0 0 6,1 0 1,1 1-1,0-3 1,0 2-11,0-1 1,0 1 0,0 0 0,0-2-31,0 1 0,3 0 1,-1 1-1,0-1-23,1-1 1,0-1-1,3 0 72,-2 1 0,2-3 1,-2 0-1,2-1 36,0-2 0,1 0 0,-1-1 0,1 0 37,-1 0 1,3-3-1,0-1 1,0-2 9,0-1 0,3-1 0,-2-1 1,0-1-13,1-2 1,-1-1 0,1-1 0,-3-1 1,-1-2 1,0 2 0,-1-2 0,1-1-44,-1 0 1,-2-2 0,0 1 0,-1 0 2,-2 0 1,0 0-1,-1 2 1,-1 2-29,-1 2 1,1 3 0,-4 1-1,-2 2-165,-1 1 0,-1 2 1,1 2-1,-1 3 45,-1 3 0,1 1 0,0 6 0,-1 0-209,2 1 1,1 1-1,2 0 1,0 0-8,3-1 0,1-2 0,1 0 322,0-1 0,3 1 0,1 3 0</inkml:trace>
  <inkml:trace contextRef="#ctx0" brushRef="#br0" timeOffset="2220">135 301 8007,'7'0'1304,"-2"0"-1083,-1 3 1,2 1 0,-2 4-303,-1 0 0,2 1 1,-2-2-1,0 1-107,0 0 0,2 1 0,-2-2 188,1 2 0,2-2 0,-3 2 0</inkml:trace>
  <inkml:trace contextRef="#ctx0" brushRef="#br0" timeOffset="2816">302 397 7463,'-4'0'317,"-1"0"0,3 3 0,-1 1 0,0 2-199,1 0 0,-1 1 1,1-1-1,1 0-9,0 1 0,1-1 1,0 1-1,0-1-94,0 1 0,1-1 0,1 0-55,2-2 1,0 1-1,0-3 77,1-1 1,1 0 0,0-1 0,0-1-280,-2-1 1,2-1 241,-2-4 0,2 1 0,0 0 0</inkml:trace>
  <inkml:trace contextRef="#ctx0" brushRef="#br0" timeOffset="3139">315 224 7432,'-4'3'-478,"1"-2"154,3 3 324,0-2 0,3 3 0,1-1 0</inkml:trace>
  <inkml:trace contextRef="#ctx0" brushRef="#br0" timeOffset="3437">430 455 7990,'4'3'36,"-1"0"1,-3 4-1,-1 1-55,-1 1 1,1 1 0,-1 0 0,1-1-692,1 0 1,0 2 709,0-3 0,-3 1 0,0-3 0</inkml:trace>
  <inkml:trace contextRef="#ctx0" brushRef="#br0" timeOffset="4374">603 44 7933,'0'-4'63,"0"0"439,0 2-380,0-1 1,0 4-1,0 1 11,0 3 0,0 0 0,0 2 0,0 0-5,0 1 0,0 4 0,0 4 0,-2 0-8,0 2 0,-1 3 1,2 1-1,-1 0-241,0 0 1,-1 4 0,1-2-1,-1-1-116,0-2 1,1-1 0,2-6 0,0-1 27,0-2 0,0-5 1,0 0 155,0 0 0,0-3 0,2-2 0,0-2 0,0-3 0,-2-3 0,0-2 15,0-1 0,0-2 0,0-2 0,0 0 54,0-1 0,0-3 0,-1 1 1,0-1-25,-1 1 1,-2-3 0,1 2-1,0 0 96,0 0 1,1 2 0,2 1 0,0 0 63,0 3 0,2-3 0,1 5 0,0-2-19,0 1 1,2 1 0,-1 3 0,2 0-80,0 2 0,0 0 0,1 0 0,-1 2-14,1 0 1,-1 0 0,0 2 0,1-2-54,-1 2 1,1 1 0,-1 2 0,0 2 18,1-1 0,-3 6 0,0-1 10,-1 1 1,-2 2 0,-3-1-1,-2 0-42,-2 1 1,-1 0 0,0 1 0,0-2-121,-2-1 1,0-1 0,1-3 0,-1-2-85,1 0 0,3-1 0,1-2-73,-1 0 0,2 0-185,1-2 1,3-1 487,3-2 0,0 0 0,6 1 0</inkml:trace>
  <inkml:trace contextRef="#ctx0" brushRef="#br0" timeOffset="4816">738 358 7989,'-1'-3'383,"-1"1"0,1 4 1,-1 2-1,-1 2-244,1 0 1,-2 3-1,1 0 1,0 1-95,1 2 0,-1-1 0,1 0 1,0-1 25,1 0 1,0-2-1,1-1 1,0-1-190,0 0 0,3 0 1,0-1 43,1-1 1,2-2-1,-2 0 1,2-2-634,0-2 1,0 0 0,1-2 706,-1-1 0,1-3 0,-1-2 0</inkml:trace>
  <inkml:trace contextRef="#ctx0" brushRef="#br0" timeOffset="5126">764 211 8415,'-4'1'-31,"2"1"1,1-1 0,1 4 30,0 0 0,3-3 0,1 1 0</inkml:trace>
</inkml:ink>
</file>

<file path=ppt/ink/ink23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9:05.6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3 219 8920,'-3'3'168,"0"0"1,3 4 0,0-1-219,0 0 0,-2 1 0,0-1 0,0 1-12,1-1 0,1 0 122,0 1-60,0-1 0,0-2 0,0-1 0</inkml:trace>
  <inkml:trace contextRef="#ctx0" brushRef="#br0" timeOffset="804">161 1 6969,'0'4'1987,"0"0"-1771,0 1 0,0 2 0,0 0-125,0 2 0,0 0 0,0-1 0,0 1 35,0 1 1,-2 0 0,0 2-1,0-2-208,1-1 1,1-1 0,0-1-607,0-1 650,0-2 1,1-1 0,1-4 111,0-1 0,2-2 1,-1-4-1,0-1-46,-1 1 0,3-1 1,-2 0-1,0 0-6,2-1 0,1 2 0,0 1 0,1 1-58,-1 0 0,1-1 0,0 1 1,1 2-24,0 2 0,3-1 0,-3 1 0,1 1-54,0 0 113,1 1 0,0-3 0,-1-1 0</inkml:trace>
  <inkml:trace contextRef="#ctx0" brushRef="#br0" timeOffset="1475">353 199 7081,'0'-3'993,"0"0"1,0 3-789,-3 0 0,3 1-149,-2 1 1,1-1 0,1 4 0,-1 0 9,-1 0 0,1 2 0,-1 0 0,1 1-107,1 0 1,0 1 0,0-3-145,0 1 0,0-1 0,1 0 70,1-2 0,2-1 0,2-3 1,1 0-343,-1 0 1,0-1-1,-1 0 457,-1-1 0,0-3 0,3 1 0</inkml:trace>
  <inkml:trace contextRef="#ctx0" brushRef="#br0" timeOffset="1860">379 78 8124,'-6'0'572,"2"2"1,0 0-611,2 2 1,2 0-591,0 3 628,0-4 0,6 0 0,-3-3 0</inkml:trace>
</inkml:ink>
</file>

<file path=ppt/ink/ink23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9:19.97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16 0 9316,'-4'1'627,"2"1"0,1-1-1035,-1 1 332,1-1 1,-2-1 0,2 2 57,-1 0 1,2 1 76,-3-1 1,1-1-47,-1 4 1,1-2 0,0 2-13,0-1 0,-1-1 0,2 1 34,-1 1 0,-3-2 1,3 2 3,1 0 0,-2-2 0,0 2-23,0 0 1,0 0 0,0 2 8,0-1 1,0-2 0,2 1-3,-1 0 1,-1 0 0,1 2-11,0-1 0,0 1 1,1-1-21,-1 0 1,1 1 0,-1-1 17,-1 1 1,2-1 0,-2 0 14,0 1 0,3-1 1,-3 1-2,0-1 0,2 1 0,-1-1-27,1 0 0,-1 1 0,0-1 0,1 1 1,0-1-1,1 0-1,0 1 1,-1-1-1,0 1 18,-1-1 0,0 0 1,2 1 24,0-1 0,0-1 0,0-1-2,0 1 0,0 1 1,0 0-29,0 0 1,0 1 0,0-1 0,0 1-38,0-1 1,0 0 0,0 1 0,0-1-9,0 1 0,0-1 1,0 1-1,0 1 0,0 1 0,0 1 0,2-1 1,0-1 4,-1-1 0,2 1 1,0 1-1,0-1 22,0-1 0,-1-1 1,0 1 17,0 2 0,1-2 0,-2 2 0,1-2-19,0-1 1,-1 1-1,-1-1-56,2 0 1,-1 1 0,2-1-168,0 1 1,-2-3 0,1 0-509,1 1 1,-1-1 739,2 0 0,0 0 0,3 3 0</inkml:trace>
</inkml:ink>
</file>

<file path=ppt/ink/ink23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9:21.48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3 155 7285,'0'-4'521,"0"-1"20,0 4-61,0-2 351,0 3-777,0 3 1,0 0 0,1 4-12,1-1 0,-1 0 0,3 0 0,-1-1-14,-2 2 1,3 1 0,-1-1-1,2 2 15,-1 2 1,-2 1 0,2 1-1,0 2-9,0 0 1,2 2 0,-3-2-1,1 2-12,-2 1 0,1 0 1,-1 1-1,-1 1 25,0-1 0,-1 0 0,0 1 0,0 1-3,0 0 0,-3 3 0,-1-3 0,-1 0-53,1-1 1,-2-1 0,1 0 0,-2 0-120,-2-2 0,1 1 1,1-4-1,2 1-142,0-2 1,0 0 0,1-1-1,1-1-159,0-3 1,1 2 0,-1-1-1,2 0-1012,0 1 1440,1-2 0,-3-2 0,0 1 0</inkml:trace>
  <inkml:trace contextRef="#ctx0" brushRef="#br0" timeOffset="1924">142 1 9554,'0'4'129,"0"0"0,1-2 0,1 0-174,2-1 1,1-1 0,0 2-1,-1 0 9,1-1 0,1 1 0,1-1 20,-1 1 0,0 1 0,0-3 0,-1 2 15,-1 0 0,0 1 0,1-2 0,-2 2-70,0 1 1,2-2 0,-3 1 0,1 1 51,0-1 0,1 2 0,-1 1-11,1 0 1,-3 1 0,2-1 16,0 1 1,-2-3-1,1 0 1,-2 1 11,0 1 0,0 0 0,0 1 5,0-1 1,0 1-1,0-1 1,0 0 7,0 1 1,-2-1-1,0 1 1,-1 1-6,0 1 1,-2 0-1,1-1 1,0 0 11,0 0 1,2 0 0,-2 0-1,0 0-19,1 0 0,1-1 0,0 0 0,1-1 8,-1 1 0,1-1 1,-1 1 0,1-1 0,1 0 1,0 1-11,0-1 0,0 1 1,1-2-1,1 0 0,-1 0 1,2-1-48,-1-1 1,0 3 41,2-2 1,-2 2 0,0 0 55,1-2 1,-2 2 0,1-2-34,-1 2 1,-1 0-1,0 1 1,0-1 33,0 0 1,0-1 0,0-1 1,0 1 1,0 1-1,0 0 9,0 0 0,-2 1 0,0-1-41,0 1 1,1-2 0,-1 0 0,0 0-36,1 0 0,-1 0 1,1 0-1,-1-1 24,0 1 0,1 0 1,-1 0-128,0-1 0,0 0 64,2 3 1,0-1 15,0 1 0,0-1-27,0 0 1,2-1 0,0-1 50,0 1 1,1-1 0,-1 0 11,-1 1 0,2-2 0,-1 2 10,0 0 0,-1 0 0,1 0 0,0-1-5,-1 1 1,0-2 0,-1 2 6,0 0 0,0-2-11,0 2 1,0-1-1,0 2 0,0-1 0,0-1 0,0 1 0,0-2 0,0 2-30,0 0 0,-1-2-26,-1 2 1,1-1 1,-1 2 0,1 1 17,1-1 0,0 0 87,0 1 0,0-1-38,0 1 1,0-1-1,1 1 1,1-1-20,0 0 1,0 1-1,-2-1-8,0 1 0,0-1 1,1 0-1,0 1 20,1-1 1,0 1 0,-2-1 0,0 0 38,0 1 0,0-1 0,0 1 0,0-1-21,0 1 0,-2-1 1,-1 0-1,0 1-25,-2-1 1,-1 1 0,0-1 0,-1 0-65,1-2 1,-1 1 0,-1-3 0,-1 0-110,1-2 0,1 0 0,-1 0 1,-1 0-339,1 0 0,1-3 0,1-1 1,0-2 512,2 0 0,-2-3 0,3-1 0</inkml:trace>
</inkml:ink>
</file>

<file path=ppt/ink/ink23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5:29:28.10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3 167 8147,'3'1'347,"-3"1"0,0 0 0,-3 1 1,1 1-146,0-1 0,-1 2 1,1 1-136,0 0 1,0 1 0,2 0-55,0 1 0,0-3 0,0 2 0,0-1-145,0-1 1,0 2 0,1-1 23,1 1 1,2-1-1,2 0-53,0-2 0,1 1 0,-1-3-176,1-1 1,-1-1-1,1-2 1,-1-2-43,0-2 1,1 0 0,-1 0 0,1-1 378,-1 1 0,0-4 0,1 0 0</inkml:trace>
  <inkml:trace contextRef="#ctx0" brushRef="#br0" timeOffset="297">19 1 8552,'-3'0'772,"5"0"-2467,4 0 1695,2 0 0,-1 0 0,-1 0 0</inkml:trace>
  <inkml:trace contextRef="#ctx0" brushRef="#br0" timeOffset="931">193 161 7198,'-5'0'2305,"1"0"-1981,3 0 0,-1 0-241,4 0 1,1 0-1,4 0 1,-1 0-73,0 0 0,3 0 0,0 0 0,1 0-236,-1 0 0,1 0 0,0 0 0,-1 0-192,0 0 0,2 0 0,-2 0 1,-2 0-1221,0 0 1637,0-3 0,-1-1 0,1-2 0</inkml:trace>
  <inkml:trace contextRef="#ctx0" brushRef="#br0" timeOffset="1281">193 251 7850,'0'3'-243,"0"1"1,0-3 363,2 1 1,2 1 0,2-3 0,1 0-50,-1 0 1,1 0-1,-1 0 1,1 0-337,2 0 0,-2 0 0,2 0 0,0 0 264,-1 0 0,4 0 0,-2 0 0</inkml:trace>
  <inkml:trace contextRef="#ctx0" brushRef="#br0" timeOffset="1836">250 58 7886,'0'-6'369,"0"2"1,0 0 84,-3 1 0,3 2-305,-2 3 1,1 4-1,1 3 1,0 2 45,0 2 1,0 3-1,0 4 1,-1 0-200,-1 2 0,1 4 0,-1 0 0,-1-1-449,1 0 1,0-3-1,2-3 1,0-1-1478,0-3 1930,3 0 0,1-5 0,2 3 0</inkml:trace>
  <inkml:trace contextRef="#ctx0" brushRef="#br0" timeOffset="2608">571 110 8207,'-4'0'672,"-1"0"1,4-1-294,-1-1 0,-2 1-203,0-1 0,1-1 0,-2 1-68,0 0 0,0 2 0,-2 0-12,1 0 1,-1 3-1,1 0 1,-1 1-47,1 1 0,0-1 0,-1 2 0,1 1-58,-1-1 1,3 1 0,1 0 0,-1 1-41,0 0 0,3 4 1,-1-2-1,1 2-73,1 1 1,1 0 0,1 0 0,2 0-133,2 0 1,3-4-1,1 0 1,1-2-492,2 0 1,5-4 0,-1-1 743,1-1 0,4-1 0,1 0 0</inkml:trace>
</inkml:ink>
</file>

<file path=ppt/ink/ink23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09:01:20.437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14 89 8271,'-9'-2'-19,"5"-3"0,4-3 1,3-2-1,3 2 290,2 2 0,1-1 0,2 4 1,-1-4-188,1-1 1,2 5 0,4-4-113,2 1 1,-7 4 0,2-3 0,0 4 1,-1 1 0,1 0 0,1 0 17,0 0 1,-1 4 0,1 3 0,0-1-134,-1 1 1,1 3 0,-2-4 0,-1 1 82,-3-1 1,-4 4 0,4-3 26,-3 1 1,-1 2 0,-5 4 93,0 1 1,0-5 0,0 0-18,0 1 0,-2 2 0,-3 2 77,-4 0 0,-3-1 1,1 1-1,1 0-58,-1-1 1,-3 1-1,0 0 1,-1 0-36,0-1 0,1 1 0,-1 0 1,0-1-26,1 1 0,-1 0 0,2 1 0,1 0-12,3-1 1,4 3 0,-3-8 0,1 3 9,4 2 0,-4-1 0,2 1 0,2 0 9,1-1 0,2-4 0,0 0 77,0 1 0,7 2 1,3 1 123,3-5 1,3-2 0,2-5-12,2 2 1,-1-2 0,-2 3 0,1-3-160,1-2 0,1-2 1,-4-1-1,2-2-163,2 2 1,1-4-1,-3 2 1,1 2 88,-1 1 0,0 2 32,2 0 0,-4 0 0,6 0 0</inkml:trace>
</inkml:ink>
</file>

<file path=ppt/ink/ink23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09:01:21.852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43 89 6731,'-8'-1'720,"3"-4"0,3 1-458,2-5-131,0 5 1,2-7-101,3 6 0,-2 0 0,5 3 63,-1-2 1,-1 2-443,-1-3 330,-3 3 23,11 2-86,-12 0 0,4 0 62,-10 0 1,-1 2 0,-6 1-126,3 2 1,-1 5-9,-5-5-8,7 0 85,-5-5 1,11-2 79,-3-3 1,9 2 93,0-7 1,8 7 45,-2-2 1,-2 3-49,2 2 1,-5 0 0,3 2-54,-2 3 1,-1-2-21,-5 7 1,0 0 33,0 4 1,0-4-22,0 0 0,-1-7-50,-4 2 0,3-5 1,-5-3-1,3-4-193,-1-1 1,0 3 0,5-4-109,0-3 1,0-1 91,0-2 0,0 6 47,0-1 300,0 6 38,6-2 0,-4 12 157,3 4 1,-4 3-121,-1 2 1,0-5 60,0 0-197,-6-7-168,-2 3 0,0-7-95,3-4 1,3 2-734,2-7 932,0 7 0,0-4 0,0 7 0</inkml:trace>
</inkml:ink>
</file>

<file path=ppt/ink/ink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34.73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54 80 7608,'-6'3'-1473,"0"-1"1430,1 1 1,-1-3 6,0 0 18,0 0-69,-3 0 20,5 0 1,-1 0 46,2 0 2,2 0 32,-3-4 67,0 3-35,3-2 0,-4 3 335,2 0 196,2 0-235,-6 0 1,5 0 181,-4 0-282,4 0 1,-5 1 183,4 1-83,0-1 25,-1 3-158,3-4-488,-2 0 266,3 0 1,1 0 58,1 0 0,0 0 0,4 0-33,1 0 0,-2 0 0,1 0-62,0 0 0,2 0 0,1 0 0,0 0-71,-1 0 0,1 0 0,0 0 0,0-1-106,-1-2 1,1 2 0,0-1 0,0 1-82,-1 1 0,1 0 0,0-1 0,0-1 306,-1-1 0,5 0 0,1 3 0</inkml:trace>
  <inkml:trace contextRef="#ctx0" brushRef="#br0" timeOffset="952">175 1 8238,'-4'0'984,"-1"3"-857,2 0 1,2 1 0,-3-2-131,0 1 1,2-1 0,-4-1 64,0 2 1,1-2 0,-1 3-7,-1 0 0,-1-2 1,0 3-1,-1 0 26,0 0 0,1-3 0,1 4-65,-2 1 0,2 1 0,-5 1 0,3-2-74,0-1 0,4 2 0,1-3 0,1 1-23,0-1 1,0-2 0,1 3 58,-1 1 0,0-2 0,4 0 2,2-1 1,-1 1 0,3-2 0,2 0 4,1 1 1,1-3-1,-1 3 1,1-1-49,0 0 1,1 0-1,0-2 1,2 1-201,-1 1 1,1-1-1,0-1 1,-1 1 28,-2 1 0,3 0 1,0-2-1,-2 1 233,0 1 0,3 4 0,0-2 0</inkml:trace>
</inkml:ink>
</file>

<file path=ppt/ink/ink24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09:17:29.57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306 0 7963,'-7'8'276,"1"1"1,-6-6-100,3 2 0,0 1 1,-2-2-161,1 0 0,0 6 0,-4-3-37,-1 1 0,0-5 0,1 4 0,-1-2 51,0 0 1,0 4-1,1-2 1,-3-1-79,-2 1 1,2-1 0,-4-1-1,2 4 54,-1-1 1,-4 3 0,2-4 0,1-1-5,0 1 0,-4 3 0,2-4 0,-1 2 6,-2 4 0,-5-1 1,6 1-1,-2-4 1,-3-2 1,1 6 0,-2-4 0,-2 2-3,-1-1 0,-5 0 0,3 2 0,0-1 49,0 1 1,-5-3-1,2 1 1,-2-1-2,2 0 0,-7-3 0,4 3 0,-3 0-38,-2 0 1,-5-3-1,3 3 1,1 1-22,3-1 1,-4-5 0,-2 2-1,-1-2 35,-4 2 1,-4-3 0,-1 3-1,3-4 6,-4-1 0,3 2 1,-7 1-1,3 2-29,-1-2 1,-5-1 0,4-2 0,0 0-9,-1 0 0,-7 0 1,3 0-1,0 0 3,-2 0 1,0 0-1,-2 0 1,2 0 30,4 0 1,-2 0 0,4 0 0,-1 0 23,-3 0 1,0 0 0,-2 0 0,2 0-26,0 0 1,-9 0-1,7 0 1,-1 0-33,-4 0 1,0 0 0,4 0 0,-1-2 22,1-3 1,-1 4 0,-1-4 0,-3 3-115,-6 2 0,3-1 1,-2-3-1,-1-2-164,3-2 1,-11 3 0,4-5 0,-2 0 23,0 2 0,4-5 0,1 3 1,1-1 74,0 1 1,2-3 0,0 5 0,2-1 77,3 5 1,2-3 0,2 2 0,-1 2 92,1 1 1,1 2 0,2 0-1,3 0-155,1 0 1,3 2 0,4 1 0,2 4 29,3 1 1,-2-3 107,7 5 0,0-7 0,5 3 0</inkml:trace>
  <inkml:trace contextRef="#ctx0" brushRef="#br0" timeOffset="833">706 15 8143,'10'0'-584,"0"0"0,-6 0 593,6 0 135,-7 0 1,2 0-1,-8 2 1,-3 1-32,-3 2 0,5 0 0,-6-4 1,-2 3-21,-1 0 1,-6 3 0,-3-2 0,0 3-25,-5 0 0,-5 5 1,-4-5-1,-2 2-104,-3 0 0,1 0 1,-1 3-1,2-2 47,-2-1 0,0-2 0,0 4 0,3-2-87,3 1 0,0 2 1,8 2-1,2-2 71,5-3 0,6 9 0,4-1 30,5 3 1,3 1 0,6-8 0,4 3 24,7 2 1,14-2 0,4 4 0,6-2 276,6 1 0,8 6 1,-1-3-1,4 2-194,4-1 0,7-1 0,-2 3 1,2-3-366,3-2 1,1 0 0,1-3 0,-4 2 230,-3-2 0,16-2 0,-13-1 0</inkml:trace>
</inkml:ink>
</file>

<file path=ppt/ink/ink24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09:17:27.69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339 7860,'7'-8'-202,"3"3"0,3 3 269,2 2 0,-2-2 1,-2-1-1,-1-2 0,1 2-53,2 1 1,2 2-1,0 0 1,-1 0-25,1 0 0,1 0 0,2 0 37,2 0 0,6 0 0,-1-1 1,2-2-91,3-2 0,1 0 0,1 3 0,4-1 55,2-2 0,4-2 0,6 4 0,-2-3 7,1-3 1,7 5 0,-2-5 0,2 3 24,0 3 0,5-4 1,6 0-1,0 1 0,1-1 0,5 3 0,-2 2 0,-2-1-22,2-2 0,7 0 0,-4 3 0,2-1 8,3-2 1,6-2 0,0 4 0,4-2-5,1 2 1,-2-3 0,1-1 0,0 0 27,2 1 0,8-4 0,-3 5 0,1 0 19,0-1 1,5 3 0,-2-6 0,1 3-1,-1 3 1,2 1-1,-4 2 1,2 0-21,2 0 0,-46 0 0,0 0 0,45 0 0,1 0-24,-50 0 0,1 0 1,49 0-1,-50 0 1,1 0-1,49 0 5,-1 0 1,-48 0-1,-1 0 1,44 0 0,-3 0 3,1 0 0,7 5 0,-11 0 1,1 0-35,-5 1 0,5-3 0,-8 6 0,-4-1 86,-3 0 1,2-3-1,-7 3 1,-2 0-67,1 0 0,1-4 0,-7 2 0,0-1-36,-5 0 0,1 0 1,-9-4-1,-4 3-51,-4 1 1,-2 0-1,-8-5 1,-5 0-102,-3 0 0,-3 0 0,-5 0-1031,-1 0 1215,-6 0 0,-1 0 0,-7 0 0</inkml:trace>
  <inkml:trace contextRef="#ctx0" brushRef="#br0" timeOffset="709">6409 1 8218,'-8'0'86,"2"0"1,7 0 0,4 0 26,5 0 1,3 5 0,2 1 0,1 1-28,4-1 0,2 6 0,8-3 0,1 3 32,3-2 0,4 3 0,7-3 0,3 3-67,1 1 1,0 1 0,-3 0-1,-1-1-117,-1 1 0,9 0 0,-11 0 0,1-1 16,-3 1 1,-7 0-1,0-1 1,-6-1-14,-2-3 0,-9 3 1,-1-3-1,-8 3 69,-6 2 0,-7 0 0,-7-1 1,-10 1-25,-12 0 0,-7-1 0,-5-1 0,-4-1-373,-1-2 0,-1-1 0,0 6 0,4-2 391,3-3 0,2 10 0,0-4 0</inkml:trace>
</inkml:ink>
</file>

<file path=ppt/ink/ink24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09:19:02.07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6600 45 7872,'-10'0'-799,"0"0"0,1 0 888,-6 0 0,0 0 0,0 0 0,1 2 163,-1 3 1,0-4 0,-1 4 0,-2-2-228,-2 2 1,-4-3 0,3 3 0,-2-4 3,-3-1 1,-2 5 0,-1 0 0,-1-1-29,1-3 0,-7 4 1,-2 0-1,-1-2 6,0-1 0,0-2 0,-7 2 0,-1 1 7,-2 2 1,-5 0 0,1-5 0,0 0-13,-3 0 0,-4 0 1,6 0-1,-3 0 14,-2 0 1,-8 0 0,-2 0-1,2 0 15,-1 0 0,-9-5 1,5 0-1,0 2-7,0 1 1,-8 2 0,7 0 0,-2 0 16,-1 0 1,-2 0 0,-2 0 0,0 0-7,0 0 1,-3 0 0,4 0 0,3 0-16,0 0 1,-2 0-1,0 0 1,-1 0 6,-1 0 1,5 0 0,-3 0 0,3 2 31,1 2 1,2-2-1,0 3 1,4-3 4,2-2 0,-10 1 0,12 2 0,-1 2-81,-2-1 1,6-1 0,-2 0 0,0 2-2,0-2 0,7 1 0,-3-1 0,4 2-1,3-2 1,-6-1 0,6-2 0,0 1 1,3 4 1,-2-3 0,2 3-1,2-4 8,1-1 1,2 0 0,0 0 0,0 0 6,0 0 1,0 0 0,0 0 0,1 0-21,4 0 0,-3 0 1,2 0-1,0 0-39,0 0 1,-2 0 0,4 0 0,-1 2-39,0 3 0,6-3 1,-3 4-1,2-1-11,0 0 0,-1 5 1,8-4-1,1 1 14,1-1 1,5 4-1,-2-3 1,0-1-573,4 1 668,9 4 0,-11-3 0,4 7 0</inkml:trace>
  <inkml:trace contextRef="#ctx0" brushRef="#br0" timeOffset="760">794 1 8186,'13'2'-117,"-3"3"0,-4-2 265,-6 7 1,-6-7 0,-4 3 0,-5-1 14,-4 0 1,-6 7-1,-9-3 1,-7 4-47,-6 2 0,-4 0 0,-6 1 0,0 2-24,-4 2 1,1-1 0,4-2 0,6 1-96,4 1 0,0 1 0,13-5 1,4-1-23,3 1 0,10 0 0,-1-1 0,7 1 6,4 0 0,1-1 0,7 1 0,3-2 38,4-3 0,11 1 0,8-4 0,8 0-5,8-1 1,16 4-1,4-4 1,6 1-84,4-1 1,-2 6 0,-2-2-1,-3 3-232,-2 1 1,-3 1-1,-6 0 1,-2 1 151,1 4 0,-3-4 148,2 4 0,13 3 0,8-1 0</inkml:trace>
</inkml:ink>
</file>

<file path=ppt/ink/ink24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09:19:07.04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603 484 7192,'0'-9'920,"0"1"-715,0 3 1,-1 4-81,-4-4 0,2 3 0,-6 1 16,3-4 1,-1 3 0,2-3-110,-4 4 0,0 1 1,0 0-111,-3 0 1,-1 1 0,-2 2 52,1 2 1,-1 2 0,0-4 0,1 4 4,-1 1 1,0-3 0,1 3 0,-1 0-10,0 0 0,0 2 1,1 3-1,-1-1 11,0-3 1,1 1-1,-1 5 1,0 0-12,1-1 0,-1 1 0,0 0 0,2-1 5,3 1 1,-3 0-1,5-1 1,-2 1 23,0 0 0,7 4 0,-3 1 0,1-2 26,0-2 0,0 1 0,5 1 0,0 1 38,0-1 0,0 3 0,0-1 0,0-2 12,0-2 0,5 4 0,1 0 0,1-3-8,-1 0 0,6 2 1,-2 1-1,1-2 2,-1-2 0,3 4 1,-3 0-1,3-3-1,2 0 1,-1-4 0,3-2 0,1-1 7,1 2 0,1 1 0,-6 0 1,1-2-6,0-1 1,4-5 0,1 3 0,0 0-3,1 0 1,-3-4-1,5 0 1,0-2-55,-1-2 1,-2 0 0,3-2 0,0-1-47,0-2 1,-1-6-1,5 1 1,-5-3 53,0-2 1,4 1 0,-3-1-1,1-1-42,1-4 1,-7 4 0,1-6 0,-2 3 21,-3-1 1,4-1 0,0 1-1,-3-2 25,-2-1 1,3-5-1,-8 3 1,2-2-37,0-3 0,-7 1 0,2-2 1,-3-2-44,-2-1 0,0-2 1,-2 3-1,-1-1-100,-2 1 1,-6 2 0,-1 3 0,-4 4 110,-4 4 1,-4 1 0,1 2 0,-3 6-21,-5 3 0,-2 3 1,2 5-1,-2 0-113,-1 0 0,0 2 1,4 1-1,3 2-144,2-2 1,-1 0 0,6 1 0,2 2-579,2 2 0,6-4 894,1 0 0,-1-2 0,-5-2 0</inkml:trace>
  <inkml:trace contextRef="#ctx0" brushRef="#br0" timeOffset="818">74 1263 6985,'-6'10'-1049,"-4"-1"1073,3-5 0,-1 2 1,5-4 219,-2 3-95,0-4 0,0 7 135,0-3 90,-6-3-128,9 5-163,-4-7 111,6 0-35,0 0 0,1-5-99,4 0 0,-3-2 1,4 2-1,1-3 34,3 0 0,-2-3 0,2 4 1,1-1-56,2-4 0,-3 4 1,1-2-1,4-1-46,3-2 0,7-3 0,-4-2 0,2-4 35,3 0 1,6-3 0,4-4 0,0-2 37,0-4 0,10 3 0,0-9 0,3-3 10,1-4 0,-1-1 0,-3 4 0,1-3-45,2-1 1,5 0 0,-5 5 0,-1 2 16,-3 2 0,-1 5 0,-1 5 1,-4 1-13,-5-1 0,-3 7 0,-1 2 1,-2 2-71,-4-1 1,2 2-1,-6 7 19,-2 1 0,-2 2 1,-1-2-69,0 5 1,-6-2-176,1 3 1,-5-1 0,3 3-1,0-1-131,1-2 1,-5-2-1,6 4-16,2-2 0,-4-5 1,0 4 404,-1-2 0,-3 4 0,-4-2 0</inkml:trace>
  <inkml:trace contextRef="#ctx0" brushRef="#br0" timeOffset="1673">1015 204 6759,'-8'0'895,"1"0"-743,7 0 1,2 0 0,3 0-32,5 0 0,-2 0 0,1 0 0,3 0-25,1 0 0,7-5 0,-1-1 1,1-2-39,1-4 0,2 1 1,6-1-1,1 3 27,-1-3 1,0-6 0,3-1 0,-1 2-138,-2 6 0,7-2 0,-10 5 1,0-2-1,2 0 0,-7 7 1,-1-4-50,-4 1 1,-1 4 72,-1-3 0,-5 10 1,-6 5 48,-6 3 1,-6 8-1,-5 4 1,-3 1-5,-2-2 1,1 9 0,-5-4 0,2 2-18,3 0 0,1-3 0,3-2 0,-1-1-116,0 1 0,6-3 0,0 0 0,3-2 49,3-3 0,1 3 67,2-1 0,7-1 0,1-4 0</inkml:trace>
</inkml:ink>
</file>

<file path=ppt/ink/ink24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09:19:25.85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76 74 7568,'0'-14'877,"0"5"-996,0-4 175,0 5 46,0 0-109,0 2 0,0 4 102,0-3 59,0 3 29,0-4-142,0 6 104,0 0-43,0 6 32,0-4-73,0 11 0,0-10-39,0 7 1,0 0 0,2 5-10,3-1 0,-3 1 1,3 1-1,-4 2 30,-1 2 1,0 11 0,0 0-1,0 3-28,0 2 1,-1 10 0,-3-2 0,-1 2-22,2 0 1,1-9-1,2-1 1,0-2-24,0 1 1,0-6 0,0-4 0,0-1 2,0-1 1,0-2-1,0-6 1,0 0-25,0-1 1,0-4 0,2-2 0,1 0-50,2 1 0,0-5-305,-5 6 1,0-5-432,0 5 0,-1-7 835,-4 2 0,-4-3 0,-5-2 0</inkml:trace>
  <inkml:trace contextRef="#ctx0" brushRef="#br0" timeOffset="645">0 986 7983,'5'9'529,"2"1"-470,1 2 1,-5 1 0,3 1 0,-1 3 24,0 2 0,0-1 0,-3 5 0,1 0-14,2 0 0,0-5 0,-3 2 0,1-4-37,2-1 0,0-1 0,-4-1 0,2-1-109,2-2 0,7-7 85,-2 2 0,-2-4 0,2-2 26,1-4 0,0-3 0,1-7 0,-2-1 10,1-4 1,1-3-1,-1-6 1,-1 1-99,1 4 1,2-4-1,2 5 1,0 0-431,-1 3 1,6-1 0,0 2 482,-2 1 0,-2 1 0,-1 3 0</inkml:trace>
</inkml:ink>
</file>

<file path=ppt/ink/ink24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09:19:27.98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5 15 7822,'-8'0'690,"2"0"-541,6 0 0,6 0-41,4 0 1,-2 0 0,2 0-67,2 0 1,-4 0-1,1-1 1,3-2-70,1-2 1,-3 0 0,0 5 0,1 0-58,2 0 0,-3 0 1,0 0 26,1 0 0,2 1-129,2 4 1,-7 3 159,-3 7 1,-3 0-1,-2 0 42,0-1 0,-2 3 0,-1 1-19,-2 1 1,-7 1-1,3-4 1,-5 2-52,0 2 1,-1 4 0,0-4-1,1-1 39,-1 3 1,5-6 0,0 3-1,-1-2-110,-2-2 1,3-1-1,2 1 1,0-2 14,0-3 0,4 3 362,-1-3 0,4-2 12,1 2 0,6-7 0,4 2-74,3-4 1,2-1-1,0 0 1,-1-1-84,1-4 1,0 3 0,-1-4-1,1 1-65,0 0 0,-1 0 0,1 5 1,0 0-393,0 0 1,-1 0-1,1 0-448,0 0 0,-6 0 798,1 0 0,-6 13 0,2 3 0</inkml:trace>
  <inkml:trace contextRef="#ctx0" brushRef="#br0" timeOffset="573">89 295 7508,'-10'0'1476,"0"0"-925,7 0-387,-3 0 1,7 0-36,4 0 1,-2 5 0,7 0 0,2-2-182,1-2 1,3-1 0,2 0-35,2 0 0,-1 0 0,-4 0 0,0 0 86,-1 0 0,8 0 0,0 0 0</inkml:trace>
</inkml:ink>
</file>

<file path=ppt/ink/ink24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28:33.086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18 94 8012,'0'-9'39,"0"1"1,-1-1-1,-1 0 1,-1 0 0,1 0-1,1 0 1,1 0-1,-1 2 1,-1 0 1238,-1 1-1350,1 4 1,2 2 0,0 6 0,0 2 0,0 0-66,0 1 77,3 4 1,-2 1 0,2 4 0,-2-1 64,-1 1 0,3 1 0,0 2 0,0 5 15,1 3 0,-2 4 0,3 0 0,0 6 27,0 5 1,1 2 0,2 7 0,-1 0 16,-2-2 0,1 8 1,3-2-1,0 2 30,0 2 0,0-1 0,0 1 0,0 0-7,-1 2 0,2-3 1,1-4-1,1-4-52,-1-2 1,2-4 0,-2 2 0,0-4-49,-1-3 0,1 1 0,0-3 0,-2-2-21,-2 0 1,2-3 0,-5-1-1,0-4-34,0-1 0,-1-2 1,-3 0-1,0-2-76,0-4 0,0-2 0,0-3-1850,0-3 1994,0-3 0,-4-12 0,-1-2 0</inkml:trace>
  <inkml:trace contextRef="#ctx0" brushRef="#br0" timeOffset="766">125 1742 8609,'5'9'187,"1"0"0,1 0-52,1 0 0,1 7 0,1 2 0,1 4-41,0 3 1,4 4 0,-2 3 0,1 0 1,2 1 0,-1 1 0,1 1 1,-2-3-38,-1-4 1,-2-5 0,-2-2-1,0-2-86,0-2 1,0-3-1,0-2 1,0-3 73,0-3 1,-2-1 0,0-4-1,-1 1-262,1-3 1,0-2-1,0-8 1,-2-3 34,-1-4 1,-1-5-1,-3-2 1,0-2-140,0 1 0,0-6 1,0 6-1,0-2 16,0 1 1,-3 3 0,0 1 0,1 2 302,1 1 0,-3 1 0,-1 2 0</inkml:trace>
</inkml:ink>
</file>

<file path=ppt/ink/ink24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28:50.641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141 249 9166,'-6'0'975,"0"0"0,3 0-792,-3 0 1,0 0-310,-3 0 1,4 1 0,0 1-1,0 4-26,0 2 1,2 1-1,-3 0 1,0 0 76,1 0 1,-2 0 0,3-1 0,0 1-165,0 0 0,0 0 0,2 0 145,-1 0 0,1 0 1,2-1 31,0 1 0,1-1 0,1-1 39,4-1 0,1-3 0,0 2 0,-1-1 27,1-2 1,1 2-1,1-1 1,0 0 2,-1 1 1,1-3-1,0 2 1,0 0 29,0 0 1,-1 4 0,-1-1-20,-1 2 1,-2 1 0,2 0 0,-3 0 127,-2 0 1,-1 2 0,-1 2-1,-2 0-121,-3 0 1,-1 2 0,-2-1-1,-1 0-51,-2-2 0,1 1 0,-3-2 0,2-1-186,1-3 1,-2 0 0,1-4 0,1-1-79,2-1 1,0-1 0,1-1-44,2-2 1,-1-2 0,4-4 332,1 0 0,5 1 0,2-1 0</inkml:trace>
  <inkml:trace contextRef="#ctx0" brushRef="#br0" timeOffset="795">300 479 7569,'-1'-8'890,"-2"2"-257,2 2-546,-3 4-82,4 0 1,0 1 0,0 2 41,0 3 1,0 2 0,0 1 0,0 0-139,0 0 0,1-1-71,2 1 1,2-1 0,4-2 139,0-3 0,-3-2 0,0-1 1,1 0-72,1 0 0,1-4 0,-2-2 0,0-2 43,-1-1 1,0 1 0,3 2 0,-1 0 63,-2-1 1,1 2 110,-4-1-39,0 4 0,-3 3 0,-1 8 0,-2 6 27,-3 4 1,-2 4 0,-1 4 0,0-1-106,0 1 1,1-1 0,1 1-1,3-2-99,0-1 0,1-3 0,3-5 0,0-3-284,0 0 0,1-4 0,2-4 375,2-1 0,3-1 0,1-3 0</inkml:trace>
  <inkml:trace contextRef="#ctx0" brushRef="#br0" timeOffset="1431">531 426 8040,'-5'4'387,"2"2"-267,2 1 0,1 2 0,0 0 0,0 0-111,0 0 0,0-3 0,0 0 0,0 1 26,0 1 1,0-3 0,1 0-112,2-1 0,-1-1 0,4-3 66,1 0 1,-3-1-1,2-3 1,1-4 19,1-2 0,1-5 1,0 3-1,0 0-19,0-1 0,-1 4 0,0-3 0,-1 3-112,-1 3 1,-3-1 150,3 4 0,-1 1 1,1 5 75,-3 3 0,-2 2 0,-1 2 0,0 1-69,0 0 0,0 1 1,0-2-1,0 1-145,0 1 0,0 0 1,0-4-219,0 1 0,1-4 0,2-2 326,3-2 0,1-1 0,2 0 0</inkml:trace>
  <inkml:trace contextRef="#ctx0" brushRef="#br0" timeOffset="2310">876 337 7592,'-5'-4'547,"-3"3"0,7-3-364,-5 4 1,3 0-138,-3 0 0,3 0 0,-2 1-69,1 2 0,-2 2 1,2 4-1,0 0-20,0 0 1,0 0 0,2-1 0,-1 1 51,1 0 1,1 0 0,1 0 0,0 1-22,0 2 1,0-3 0,0 3-1,1-3-42,2-3 0,-1 2 0,4-3 38,1 0 1,-2-1 0,1-4 34,1 0 0,1-1 0,1-2 1,-2-4 20,-1-4 1,2-2 0,-2-3 0,2 1-5,1-4 0,-3 0 0,0-3 0,0-1-30,-2 0 0,3 0 1,-4-4-1,-1 2-16,-1 1 1,2-2 0,0 3 0,-1-3 13,-1 0 1,-1 0 0,0 2 0,0 5-84,0 3 0,0 0 0,-1 5 69,-2 3 10,2 3 1,-3 6-1,4 3 1,0 5-7,0 5 0,0 4 1,0 2-1,0 4 5,0 2 0,-1 3 0,-1 1 1,-1-2-34,1 0 0,1 0 0,1 0 0,0-3 14,0-3 0,0 1 0,1-4 0,1-3-127,1 1 1,1-4-1,-1-1 1,2-3-285,0 0 1,3-3 0,-2-1 430,2-1 0,1 3 0,-1-2 0</inkml:trace>
  <inkml:trace contextRef="#ctx0" brushRef="#br0" timeOffset="2655">1053 319 9193,'0'9'273,"0"0"0,0 0-291,0 0 1,0 0-1,0 0 315,0-1 0,0 1-276,0 0-225,0-4 0,3-5 1,1-5-1,0-1 94,0 0 1,2-2 0,-2-4 0,1 1 54,2 1 0,-2 1 0,1 0 0,1 0-46,1 1 0,-1-1 0,0 0 0,-1 1-1270,1 2 1371,1-2 0,1 7 0,0-3 0</inkml:trace>
  <inkml:trace contextRef="#ctx0" brushRef="#br0" timeOffset="3099">1248 275 7440,'-5'3'-403,"0"1"597,1 1 1,0-2-1,2 3 119,-1 1 0,-3 1 1,3 0-229,1 1 1,1 0 0,1 0-48,0 0 1,1 0 1,2 0 1,2-2 0,4-1-268,0-3 0,-1-2 1,1-1 134,0 0 1,-3 0-1,0-1 68,1-2 0,0-2 0,-1-3 0,-3-1-2,-2 0 1,2 0 0,-1 0-1,0-1 8,-1-1 0,-1 1 0,0-2 0,0 1 39,0-1 1,-1 3-1,-2-1 1,-1 4-85,-1-1 0,-3 3-70,2 1 1,-2 3 0,0 3 22,2 3 1,2 5 0,3 1 0,-1 1 109,-1 0 0,0 3 0,3-3 0</inkml:trace>
  <inkml:trace contextRef="#ctx0" brushRef="#br0" timeOffset="3690">1390 257 7968,'-3'9'171,"0"0"1,0 0 0,3 0 0,0 0 89,0 0 0,0-1 1,0 1-163,0 0 1,1-1-1,1-1 1,2-2-103,1-1 1,-2-1-1,3-3 66,1 0 1,1 0 0,1-1-272,-1-2 1,1-3 0,0-5 138,0-1 0,-1 0 0,-1 5 0,-2 0-49,-1 1 0,2 3 1,-2-2 175,0 1 1,-2 2 58,1 5 1,-2 2 0,-1 4 0,0 0 108,0-1 1,0 1-1,0 0-138,0 0 1,1-4-1,1-1-123,1 0 1,4-3 0,-2 1-18,0-4 1,3-4-1,-2-5-11,2-1 1,1 0 0,-1 3 0,0-2-116,-2-1 0,2-3 0,-2 3 0,2 1 130,1-2 0,0 4 1,-1 0-1,0 4 12,-2 1 0,2 3 299,-2-2 0,-2 6 1,-1 4 72,-2 4 0,-1 0 0,0 3 1,0-1-454,0 1 1,0-2 0,0 2-1,1-2-1720,2-1 1837,-2-1 0,7-1 0,-3 0 0</inkml:trace>
</inkml:ink>
</file>

<file path=ppt/ink/ink24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29:14.293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213 222 7871,'-5'-4'1753,"1"2"-1391,4-4 1,0 3-248,0-3-300,0 4 1,1-2 64,2 4 0,-1 0 1,3-1-244,-1-2 0,3 1 234,-2-4 0,0 1 0,0-2 36,-1 1 1,0 2 0,-2-3-148,1 1 209,0 0 0,-4-2 36,-2 2 0,1 1 0,-4 3 94,-1-1 0,0 0 1,-2 4-21,0 2 0,0-1 0,1 4 0,1 1 0,1 1 1,1-2 0,-2 0 0,3 2-30,0 2 1,0 0 0,2 2 0,-1-2-38,1-1 1,1 3-1,1-1 1,0 0 32,0-1 1,4-2 0,2-1-1,1-2 17,2-1 0,3-1 0,1-3 0,2 0-5,3 0 1,0-5-1,4-4 1,-2-5-223,1-3 1,3 1 0,-3-1 0,1 0 163,0-2 0,-2 0 0,-2 1 0</inkml:trace>
  <inkml:trace contextRef="#ctx0" brushRef="#br0" timeOffset="1269">80 727 7595,'-1'-6'-200,"-2"0"1,2 3 437,-2-3 1,1 4-99,-1-1 1,1 2-66,-4 1 1,3 0-33,-3 0 0,0 4 0,-1 2 19,1 2 1,-1-2 0,3 0-1,0 0-75,0 2 1,0 1 0,2 0 0,-1 0 36,1 0 1,1 0 0,1-1 0,0 1-95,0 0 1,4 0 0,1 0 48,0 0 1,3-4 0,-2-2 0,2-2 14,0-1 0,-1-4 0,0-2 0,1-2 7,-1-1 0,0-1 0,2-2 0,0-1 3,-1-1 1,-2-3-1,-1 1 1,0-2-12,0-3 1,-3-1 0,1 2 0,-2-3 34,-1 0 0,0-1 1,0 2-1,0 0 2,0 1 1,-1 3 0,-1 4 0,-2 1 51,-1 3 1,2 0 0,-3 2-26,-1 2 1,3-1-31,-2 4 1,4 5 0,-1 6-16,2 3 1,1 7-1,0-2 1,1 2-21,2 2 1,-1 5 0,3 0-1,-1 0-21,1 0 1,0 0 0,2-1 0,-1-1-71,1-1 0,0-2 0,0-3 0,-1-2-116,1-3 0,0-3 0,2 0 0,0-1-860,0-2 1075,0-2 0,4 0 0,1 1 0</inkml:trace>
  <inkml:trace contextRef="#ctx0" brushRef="#br0" timeOffset="1746">328 700 7752,'6'-3'564,"-1"-1"-527,-1-1 1,0 2-1,-2-3-40,1-1 1,3 0 69,-4-2 1,1 0 47,-3 0 0,0 3 0,0 0 1,-4 4 0,0 0-46,-1 4 0,-2 0 1,3 4-1,-1 1-55,-2 1 1,2 1-1,0 0 1,0 0-24,0 3 0,3-2 0,-2 2 0,1-2-18,0-1 0,1 2 1,2 1 6,0-1 1,1-2 0,1-2-1,4-2-92,2-1 0,1-1 0,0-3 0,0 0-115,0 0 1,1-3-1,1-2 1,3-2-372,0-3 0,2-4 597,-5 2 0,1-3 0,-3 1 0</inkml:trace>
  <inkml:trace contextRef="#ctx0" brushRef="#br0" timeOffset="2082">549 585 8043,'-8'4'217,"-1"2"0,3 1 0,1-1 0,0 0 0,0 1 1,3 1-1,-2 1 1,1 0-21,0 0 1,0 0 0,3-1-156,0 1 1,0 0 0,1 0-65,2 0 1,-1-3 0,4-1 0,1-1-20,1-2 0,1-1 0,0-1 0,0 0-562,3 0 1,-1-4-1,3-2 1,-1-2 602,-2-1 0,2 0 0,1 0 0</inkml:trace>
  <inkml:trace contextRef="#ctx0" brushRef="#br0" timeOffset="2539">753 532 7862,'-9'1'219,"1"2"1,2-1 62,0 3 1,3 1 0,-2 3-268,1 0 1,1 0 0,3 0 0,0 0 26,0 0 0,0-1 0,0 1 0,0 0-128,0 0 0,1-3 0,2-1 0,2 0 61,0 0 1,3-3 0,-2 1-17,1-2 0,2-1 0,0-1 0,0-2-37,0-3 0,0-3 0,-1-2-19,-3-1 1,2-1-1,-4 3 1,-1-2 56,-1 1 1,-1-2-1,0 1 1,0 2 97,0 0 0,-4 1 0,-2 1-64,-1 2 0,-2 2 0,0 4 0,0 0-75,0 0 0,1 4 1,1 2-1,2 2-882,2 1 963,0 0 0,-1 3 0,-1 2 0</inkml:trace>
  <inkml:trace contextRef="#ctx0" brushRef="#br0" timeOffset="3335">1028 461 7813,'-4'-5'329,"2"1"167,-4 4 0,3 0-88,-3 0 0,0 0-218,-2 0 1,3 1-1,2 2 1,1 2-214,-1 0 1,2 3-1,-3-3 1,1 4-61,0 3 0,0-2 1,3 2-1,0-1-43,0 0 0,0-1 0,1 1 0,2-3-102,3-2 0,-1-4 1,1 1-1,0-2 120,2-1 0,1-5 0,0-4 0,-1-5-11,-2-2 0,2-5 1,-2-1-1,1 0 141,-2-3 1,2-1 0,-4 0-1,-1-1 15,-1 1 0,-1 2 0,0 1 0,0 1 3,0-1 0,-1 3 0,-1 0 1,-2 1-25,-1 1 1,1 4 0,-3 3 0,2 1 63,1 1 1,-2 3 0,2 1-1,-1 1 1,2 5 0,-2 5-1,1 3-39,2 3 0,1 2 0,1 4 0,1 3 0,2 3 0,-1-2 0,4 2 0,0 0-162,-1 2 1,3 1 0,-2-2 0,1-1-40,-2-3 0,3-1 1,-2-1-1,2-3-152,1-3 0,0-1 0,0-4 0,-1-1-727,-3-1 1039,3 0 0,-3-1 0,4-1 0</inkml:trace>
  <inkml:trace contextRef="#ctx0" brushRef="#br0" timeOffset="3563">1232 416 8163,'0'9'1200,"0"0"-1026,0 0 0,1 0 0,1 0 0,1 0-150,-1 0 0,0-4-632,1 1 1,0-5 0,3-1 192,-3-5 415,-2-6 0,3-7 0,1-5 0</inkml:trace>
  <inkml:trace contextRef="#ctx0" brushRef="#br0" timeOffset="3708">1143 0 8379,'-5'9'216,"2"0"1,2 1 0,1 0-1,0 3-126,0 1 0,4 0 1,2 2-1,2-3 1,1 1-332,0 0 1,0 1 0,-1 1 240,1-1 0,4 6 0,1-2 0</inkml:trace>
  <inkml:trace contextRef="#ctx0" brushRef="#br0" timeOffset="4056">1347 346 6340,'0'8'0,"0"1"90,0 0 0,3 1 0,0 1 1,-1 2 683,-1 0 0,0-2 0,1 1 0,2-2-426,1-1 1,-2-3 0,2-1-301,2-1 0,1-1 1,1-4-25,0-2 1,0-5-1,0-5 1,0 0-225,-1 0 0,-2-1 0,0 2 1,0 1-179,-1 1 0,2 1 0,-3 1-102,1 2 602,-3 2 1,2 5-1,-3 2 1,1 3-51,1 2 0,0 1 0,-3 0 1,0 0-573,0 0 0,1-3-719,1-1 1219,3-3 0,8 2 0,1-4 0</inkml:trace>
  <inkml:trace contextRef="#ctx0" brushRef="#br0" timeOffset="4525">1630 275 7855,'-8'-4'1136,"0"4"0,1 0-974,1 5 1,4 0-1,-1 1 1,2 0-173,1 2 1,0 1 0,0 0-1,0 0-225,0 0 1,1 0 0,2-2 136,3-1 0,2 1 0,1-4 0,-1 0-146,1 1 0,0-3 0,1 2 1,1-2 72,1-1 1,-1 0 0,-2 0 0,0 0 170,0 0 1,3 0 0,0 0 0,-1 2 33,-2 4 0,2 1 1,-1 8-1,-2 1 179,0 4 0,-1 0 1,0 4-1,-3 2 54,0 0 1,-1 1 0,-3-5 0,0-1-87,0 1 1,0 2-1,0-4 1,0-1 110,0-3 1,-1-3 0,-2-5 0,-1 1-135,-1 0 1,-3-4 0,2-2 0,-2-3-225,-1-3 0,0-2 0,0-5 1,1-1-142,-1-4 1,0-6-1,0-4 1,0-1 45,0-1 0,0-5 0,1 3 0,3-1-380,2 0 1,2 4-1,2 2 1,2 3 53,2 3 0,6 3 487,1 0 0,8 0 0,-1-2 0</inkml:trace>
</inkml:ink>
</file>

<file path=ppt/ink/ink24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29:25.477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53 0 7966,'-6'8'0,"1"-1"0,1-2-1025,-1-1 0,3 0 924,-1-1 87,2-2 0,1 2 106,0-6-36,-4 2 1,3-4 3,-2 2-71,2 2 112,1-3 1,-1 4 358,-2 0-165,2-4 105,-3 3-399,4-3 1,-1 4 76,-2 0-29,2 0 1,-3 1-2,4 2 0,0-1 0,0 4 81,0 1 0,0-2-33,0 1 0,0-3 101,0 3-115,0-4-17,0 5 1,0-2-45,0 4 0,0-3 0,0 0 9,0 1 0,0 1 0,0 1-2,0-1 0,0 1 0,0 0-26,0 0 0,0 3 1,0 0 2,0-1 1,0-2 0,0 0 0,0 0 10,0 0 0,3 0 0,1 0-4,1 0 0,-2-4 0,3 1 11,1 1 1,-2-2 0,1 0 0,-1 0-4,0 0 1,3-2 0,-2 2 0,2 0-14,1 0 1,-1-2-1,-1 2 1,-1-2-4,0-1 1,2 2 0,1-1 0,0-1 9,0-1 0,0-1 0,0 1 0,0 1 13,3 1 1,-2 0-1,2-3 1,-2 0-10,-1 0 0,2 0 0,1 0 0,-1 0-17,-1 0 0,2 0 1,0 0-1,-2 0 10,0 0 0,2 0 1,0 0-1,0 1 6,0 2 0,-2-2 0,3 2 1,-1-2-10,0-1 0,3 0 1,-3 0-1,2 0-2,2 0 0,0 0 0,-1 0 0,0-1-4,1-2 1,1 2 0,0-2 0,0 1-8,-2-1 1,2 2-1,-3-2 1,2 2 5,-1 1 1,2 0-1,-3 0 1,3 0 1,1 0 0,0 0 0,-1-1 0,1-1 0,0-1 0,-1 0 0,1 2 0,0-1 2,0-1 0,2 0 1,1 1-1,-1-1-39,-2 1 1,0-2 0,1 1 0,0 1 29,2 1 0,0-2 1,-3 0-1,-2 1 12,-1 1 1,2 1-1,-2 0 1,1 0 0,2 0 0,-1 0 0,-2 0 0,0 0-5,1 0 0,1 0 0,0 0 0,1 0-1,0 0 0,3-3 0,-1 0 0,0 0 6,-1-1 1,-2 3 0,2-2-1,1 1 6,0-1 1,1 2 0,-3-2 0,0 2 11,-1 1 1,1 0 0,1 0 0,-1 0-15,0 0 0,5 0 0,-6 0 0,2 0-12,0 0 1,-1 0-1,-1 0 1,1 0-9,0 0 1,-1 0 0,1 0 0,0 0 4,0 0 1,2 0-1,1 0 1,-1 0-2,-2 0 0,3 0 1,0 0-1,-2 0 1,0 0 1,-1 3 0,1 0-1,0-1 1,2-1 1,0-1 0,-4 0 0,0 0 0,-2 0 0,2 0 0,-3 0 0,2 0 0,-1 0 0,2 0 0,-3 0 0,2 0 0,-1 0 0,2 0 0,-3 0 0,2 0-1,-1 0 1,2 0-1,-4 0 1,2 0-5,0 0 1,-3 0-1,3 0 1,-1 1-7,0 2 1,0-2 0,-3 2 0,1-2-1,-2-1 0,3 1 1,-1 1-1,-1 1 1,-1-1 1,1 2-1,1-1 1,-1-1 8,-1-1 1,-1 2-1,1 0 1,0-1 0,2-1 0,1 2 0,-2 0 0,1-1 3,-1-1 0,-1-1 0,1 0 0,1 0-2,-1 0 1,2 1-1,-2 0 1,0 2-2,-1-1 0,2-1 0,1-1 0,0 0 0,-1 0 0,1 3 0,-2 0 0,1-1 0,-1-1 0,1-1 0,1 0 0,0 0 2,0 0 1,2 0 0,-4 0 0,1 0 0,1 0 0,-2 0 0,3 0 0,-1 0-2,1 0 0,-2 3 1,2 0-1,-1-1-2,-3-1 0,3-1 0,0 0 0,0 0 0,0 0 0,-1 0 0,-1 1 0,1 1 0,-1 1 0,2 0 1,-1-3-1,2 0 2,2 0 0,-2 0 1,0 1-1,-1 1 10,1 1 1,0 0-1,2-3-4,-2 0 0,0 3 1,2 0-1,-1-1 0,0 0-6,-2 1 0,4-2 0,-2 3 0,1-1-1,-2-1 0,3 2 0,-3-2 0,1 1-1,-1-1 0,0 2 0,2 0 1,-2 0 0,-2 0 0,3 2 0,-2-2 0,0 1 4,0 2 1,-2 0 0,-1-1-1,1 0-1,1 1 1,0 1 0,-3 1 0,-1 0 7,1 0 0,0-1 1,0-1-1,-1-2-11,-2 2 1,2 1 0,-3 1-1,1 0-41,-1 0 1,-2 0-1,3-1-4,1 1 1,-3 0 0,-1 0-1,-1-1-104,1-2 0,-2 2-69,2-2 192,2-2 1,0-1 0,3-6 19,-2-3 0,0-5 0,-3-2 0,0 0 14,1 0 0,-3-2 1,3 0-1,-1-1-18,0 1 0,1 0 0,-2 3 0,1 0 14,-1-1 0,-1 3 1,-1-1 30,0 1 1,0 4 0,1 0-13,2-1 1,-2 2-15,2-1 1,1 3 0,0-2-18,1 1 0,-2 0 0,3 2 4,0 0 1,2-4-1,1 3-3,0 1 1,0 1 0,0 1 0,0 0 5,-1 0 1,-2 0 0,0 0 0,1 0 1,1 0 1,1-3-1,1 0 5,2 1 0,0 1 1,3 0-1,-3-1 26,-2-1 0,-1 0 1,-1 2-1,1-1-14,0-1 0,3-1 0,0 2 1,0-1-13,0 1 1,-2 1 0,3 0 0,-1-1-2,0-1 0,2 0 0,-1 3 1,0 0 13,0 0 1,3 0 0,-3 0-1,2 0-4,0 0 1,-1 0 0,1 0 0,0 0 14,1 0 1,0 0 0,0 0 0,0 0-15,0 0 0,5 0 1,-6 0-1,1 0-19,1 0 0,0 0 0,0 0 1,1 0 3,0 0 1,0 0 0,-1 0-1,1 0 17,0 0 1,-1 0 0,1 0 0,0 0-9,0 0 0,-1 0 1,1 0-1,0 0 2,-1 0 1,1 0 0,1 0-1,0 0-22,-2 0 1,5 0 0,-5 0 0,-1 0-3,1 0 1,4 0-1,-5 0 1,-1 0 13,2 0 0,-1 0 0,1 0 0,-2 0 21,1 0 0,3 1 0,-5 1 1,0 1-21,1-1 0,-1-1 0,2 0 0,-2 1-4,2 1 0,0 0 0,0-3 1,-2 1 6,2 2 1,0-2-1,0 2 1,-2-2 11,2-1 0,-2 0 0,1 1 1,0 1 2,-2 1 0,4 0 1,-3-2-1,0 1-24,-3 1 1,2 0 0,0-2 0,0 1 8,0 1 0,-1 1 1,-1-2-1,1 0-20,-1 0 1,2-1-1,-1 0 1,-2 1 8,0 1 0,2 0 1,0-3-1,0 0 4,0 0 0,-2 1 1,2 1-1,-1 1 1,1-1 0,-2-1 0,1-1 0,0 1 10,1 2 0,-2-2 1,2 2-1,-2-2 2,-2-1 0,4 3 0,0 0 0,-1-1-8,-1-1 1,-1 2 0,0 0 0,2-1-3,1-1 0,0-1 1,-3 1-1,0 1-28,-1 1 0,4 0 0,0-3 0,-1 0 3,-1 0 1,0 0-1,0 0 1,2 0 16,-1 0 0,-1 3 1,-1-1-1,0 0 2,-1-1 0,4-1 0,0 0 0,-1 0 10,-1 0 0,-1 0 1,0 0-1,-1 0-9,1 0 0,3 0 0,0 0 0,-1 0-6,-1 0 1,-2 0-1,2 0 1,1 0 1,1 0 0,0 0 0,-3 0 0,-1 0-16,1 0 0,0 0 0,0 0 0,0 0 17,0 0 0,0 0 1,-1 0-1,1 0 7,0 0 1,0 0 0,0 0 0,0 0 0,0 0 1,-1 0 0,1 0 0,0 0-3,0 0 0,0 0 0,0 0 0,0 0-2,-1 0 0,1 0 1,0-1-1,0-1-13,0 0 1,0-1 0,0 3 3,0 0 0,-1 0 0,1 0-1,0 0 1,-3-1 0,0-1 5,1-1 0,1 0 0,1 2-19,-1-2 1,-2 2-1,0-3 25,1 0 0,-2 3 0,0-3 0,0 1-6,0 0 0,-2-4 0,3 1 0,1-2 1,-3 0 0,1-1 9,-1 0 0,2 3 1,-2 1-30,1 1 1,-2 0-56,3 1 1,0 2-16,3-2 0,0 2 34,-1 1 1,1 0 101,0 0 0,0 0 0,0 0-27,0 0 0,-3-3 1,0-1 47,0-1 1,-1 3 0,0-1-1,0 0-27,0 0 0,-3-4 1,2 1-28,0-2 0,-2-4 0,3 0 0,-1 2-60,-2 0 0,0 0 1,0-1-1,1-1-239,-1 1 1,-1-1 0,-1 0 0,0 1-710,0 1 1000,0 1 0,0-4 0,0 0 0</inkml:trace>
  <inkml:trace contextRef="#ctx0" brushRef="#br0" timeOffset="2260">3792 683 6600,'0'-5'1215,"-1"1"-868,-2 4-204,2 0 1,-2 1-254,3 2 1,0 2 0,0 3 135,0 1 0,0 0 0,0 0 1,0 0-38,0 0 0,0 0 1,1 0-1,0 2 3,2 1 1,0 3 0,-3-2 0,0 0-16,0 3 1,0 1-1,0 1 1,0-1 14,0 1 1,0 3-1,0 0 1,0 2 26,0 2 0,0-3 0,0 3 0,0 0-13,0 1 0,0 3 0,0-6 0,0 3 25,0 0 1,0 0-1,0 0 1,-1-1 41,-2 3 1,2 0 0,-1-1 0,1 0-20,1-1 1,0 4 0,-1 0 0,-1 1 8,-1-1 0,0 6 0,3-3 0,0 0-15,0-2 0,0 3 0,0-2 0,0 2-33,0-2 0,0 2 1,0 0-1,0 1 32,0 1 0,0 7 1,0-2-1,0 1 18,0 1 0,0-1 1,0-6-1,0 0-29,0 0 0,3 1 0,0-4 0,0 2 2,0 4 1,-2-3-1,3 3 1,-1 0-58,0-1 1,0 2 0,-2-4-1,1 0 23,1-1 0,0-3 0,-3 2 0,0-3 13,0 0 1,0 1 0,0-1-1,0-1 6,0 1 1,0 1 0,0-1 0,0-2 32,0-1 1,0 3-1,0-4 1,0 0-43,0-3 1,0 1 0,0-3 0,0-1-16,0 1 0,0 0 0,0-2 0,0 3-6,0-1 0,0 3 0,0-3 0,0-1 8,0 1 0,0 2 1,0-3-1,-1 1-6,-2 0 0,2-2 0,-2-2 1,2 0 6,1-1 0,0 1 0,0 0 0,0-1 27,0-3 0,0 0 1,0-3-1,0 1 3,0-1 0,0 1 1,0 0-1,0-1-15,0-1 0,0-1 0,0 0 0,0 0 3,0-1 1,-1 1 0,-1 0 13,-1 0 1,0-3 0,3 0-29,0 1 0,0 1 0,0 0-8,0 1 0,0-3 0,0 0-211,0 1 1,0 1-414,0 1 40,0-4 0,1-1-215,2-4 801,-2-4 0,3-1 0,-4-4 0</inkml:trace>
</inkml:ink>
</file>

<file path=ppt/ink/ink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38.0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6 35 9312,'-5'4'117,"3"2"0,1 2 1,1 3-30,0 1 1,0 3-1,-1 1 1,-1 2-19,-1 3 1,-3 5 0,2-1 0,0 1-98,0 3 1,-2-1 0,3-3 0,-1-2 5,0-2 0,1-1 1,2-2-1,-1-2-157,-1-2 1,0-3 0,3-2-59,0 0 0,0-1-59,0 1-196,0-4 330,0-1 0,0-14 160,0-1 0,-1-4 0,-1 4 0,-1-1 21,1-2 1,0 0-1,0-4 1,0 1-16,0-1 1,-2 0 0,1-2 0,1 0 24,1 0 0,-2-1 0,0 1 0,1 0 37,1 2 1,1 1 0,0 2 0,0 1 20,0 2 1,3 0 0,0 2 0,0 0 82,1-2 0,0 0 1,2 4-1,0 0 8,1 2 1,1-2 0,1 2 0,0 0-122,3 0 1,-1-1 0,2 4 0,1 1-115,-1 1 0,-1 1 1,2 0-1,-2 1 74,-1 2 0,-1-1 0,-2 4 1,1 1-97,0 0 1,-4 2 0,-2 0 0,-2 0 161,-1-1 1,0 5 0,-1 1 0,-2 3-81,-3 0 0,-2 1 0,-1-1 0,0 1-77,-3-1 1,2 3 0,-2-2-1,0-1 73,0-1 1,1 0 0,2-1 0,0-1-72,1-2 0,-1 3 0,1-2 0,1-1 142,1 1 1,4 1 0,0-2 0,1-1-51,1-1 0,0-2 1,0 1-1,1-1 24,1-2 1,2 1-1,3-2 1,-1 1-25,1 0 1,1-4 0,1 1 0,2-2-286,1-1 0,-1 3 0,-1-1 0,1 0-383,0-1 1,1-1 646,-3 0 0,3 0 0,2 0 0</inkml:trace>
  <inkml:trace contextRef="#ctx0" brushRef="#br0" timeOffset="554">323 420 8700,'9'-3'216,"0"-1"-219,0-1 1,-4 2 0,1-3-119,1-1 0,-3 2 0,0 1 5,0 0 175,-3-3 0,2 6 1,-6-2-47,-3 2 0,-2 1 361,-1 0-266,1 0 1,-1 1 0,0 2 0,0 2-59,1 0 0,0 2 1,1-1-1,1 2-18,0 1 1,1-1-1,0-2 1,1 0 9,2 1 0,1 1 0,1 0 0,0 1-43,0 0 1,0 0-1,1-1-139,2 1 0,2-3 0,4-1 0,-1-1-61,1-2 0,1-1 0,0-1 1,3 0-530,1 0 730,-4-4 0,7-1 0,-4-4 0</inkml:trace>
  <inkml:trace contextRef="#ctx0" brushRef="#br0" timeOffset="996">551 323 7229,'-8'1'-118,"2"2"0,-1-1 1,3 3-1,0 0 827,1 0 0,-3 1 0,2 1-472,-1-1 0,3 2-8,-1-2 1,2 2-341,1 0 1,4 0 0,2-1-1,2-1 0,0-4 0,0 2 0,-1-2 69,-1 1 0,0 1 0,2-2 0,1 1 30,0-1 1,-3-1-1,0 0 70,0 2 0,-1-1 0,0 4 12,-1 0 1,-1-1 0,-4 1-1,-2 0-95,-3-1 0,1 3 0,-2-4 1,-1 2 36,-3 0 0,-1-3 1,4 2-1,-1-1-139,0-2 1,-2-1 0,-1-1 0,1 0-177,1 0 1,5-3 0,-1-1-1,0-1-103,1-2 1,-2-1 0,4 0 405,1-1 0,2 0 0,3 0 0,2 1 0</inkml:trace>
  <inkml:trace contextRef="#ctx0" brushRef="#br0" timeOffset="1993">725 393 8579,'0'9'144,"0"0"1,0 0-1,0 3 1,0 3-23,0 1 1,0 5 0,0 1 0,0 2-128,0 3 1,-3 2 0,0-3 0,-1 0-101,0 0 1,1-4 0,3-1-1,-1-4 75,-2-2 1,2-2 0,-2-5-239,2 1 81,1 0 0,-1-5 0,-1-5 123,-1-7 1,0-4-1,3-4 1,0-1 111,0-1 1,0-6 0,0 0 0,0-3-47,0-2 0,0-3 1,0 3-1,0 1 15,0 0 0,3 5 1,1 2-1,0 1 50,0 4 0,3 4 1,-1 1-1,0 1 104,0 1 0,2 4 0,-1 1 0,3 1-79,1 1 1,1-1-1,-3 4 1,-1 1 36,1 0 0,0 5 0,0-1-65,-1 2 1,0 3-1,-2 1 1,-3-1 64,-2-1 0,-1-2 1,0 1-1,-1 0-97,-2-1 1,1 0 0,-4-1 0,-1-2-272,0-1 0,-2-1 0,0-3 23,0 0 1,1 0 0,-1-1-1,0-2-60,0-3 0,1-2 1,-1-2-1,1 0-130,2-2 1,-1 1-1,5 2 146,0 0 1,1 3 0,2 1 259,2 1 0,5 2 0,6 2 0</inkml:trace>
  <inkml:trace contextRef="#ctx0" brushRef="#br0" timeOffset="2463">979 376 8782,'-8'4'782,"2"2"-646,3 1 1,-1 2 0,1 0 0,2 0-72,0-1 0,1 1 1,0 0-1,0-1-6,0 1 0,2 0 0,2-1 0,1-2-224,2 0 0,-2-3 0,1 2 0,1-1-90,0-2 0,2-1 0,0-2 107,-1-2 0,0-2 0,-1-4 0,-1 1 71,1-1 1,-3-1 0,-1 0 0,0-2-5,0 1 0,0 2 0,-3-1 0,-1 0-22,-2 1 0,1-3 0,-3 5 1,-2 1-50,-1 1 0,-1-1 1,0 4-1,1 0 38,-1 1 0,0 4 0,2 3 1,0 2-26,1 1 0,4 0 0,-1-1 0,2 1 139,1 0 0,0 0 0,0-1 0,0 1 0</inkml:trace>
  <inkml:trace contextRef="#ctx0" brushRef="#br0" timeOffset="2886">1154 323 7891,'-3'9'48,"0"0"0,-1 3 0,2 0 0,-1 1 181,1-1 1,1 4 0,1-2-1,0 0 13,0 1 0,0-5 1,0 2-1,1-2-97,2-2 0,2 0 1,4-1-98,-1-1 0,1-4 0,0 1 1,0-3-276,-1-3 1,1-2 0,0-4 0,-1 0-29,1 1 1,0-1-1,0 0 1,-1 0 178,1 1 0,0 2 1,-1 0-1,-2 0 84,0 1 0,-3 2 47,3 3 1,-4 0 0,1 3 237,-2 3 0,-1 5 1,0 1-1,0-2-213,0 0 1,0-1 0,0-1-306,0 1 0,0 0-715,0 0 940,4-5 0,1-4 0,3-4 0</inkml:trace>
  <inkml:trace contextRef="#ctx0" brushRef="#br0" timeOffset="3273">1486 323 7864,'-9'4'144,"3"-2"1,0 4-1,0 1 351,2 1 1,-4 0 0,2 1-319,-2 0 1,3 0 0,2-1 0,1 1-116,0 0 0,1 0 1,-2-1 20,2 1 0,4 0 1,0-2-1,1 0-433,0-1 0,3-3 0,-1 2 47,2-1 0,0 3 309,1-2 0,-1 0 0,-2 1 96,-3 1 0,-2-2 1,-1 1-32,0 0 1,-3-1 0,-1 0 0,-1 0-76,-2 0 0,-1-3 0,0 1-203,-1-2 1,0-1 0,0 0-265,1 0 1,0-4 0,1-2-150,1-2 1,4-1 619,-1 1 0,2-1 0,1 0 0</inkml:trace>
  <inkml:trace contextRef="#ctx0" brushRef="#br0" timeOffset="3677">1608 411 7859,'6'0'73,"0"0"200,0 0 0,-1 0 0,1-1-82,1-2 1,0 1 0,-1-3 0,-1 0-51,-1 0 0,0 3 0,-2-1 77,1-1 1,0-1-170,-3-4 1,-4 4-1,-2 2 65,-2 2 1,-3 1-1,-1 1 1,1 1-69,2 1 1,-1 4 0,-1-1 0,1 2 15,2 0 1,-1 2 0,4 1 0,-1 0 17,1 0 0,3 2 0,-1-2 1,2 0-61,1-1 0,0 1 0,1 1 0,2-1-214,2-2 1,3 0 0,2-1 0,2-2-346,2-3 0,3 0 0,1-1 0,2-2 539,0-2 0,4-8 0,-1 0 0</inkml:trace>
</inkml:ink>
</file>

<file path=ppt/ink/ink25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30:47.860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1 2136 7266,'0'-5'517,"0"0"-540,0 2 0,0 1 0,0-3 37,0-2 1,3 2 0,0-1-27,2-1 1,0-1 0,2-1 0,-2 0 4,-1 0 1,2 4-1,-2-1 1,1 0-10,2 1 0,0-3 1,0 2 14,-2-2 1,1 0 0,3 1 0,0 2-7,0 2 0,-3-4 1,0 2-1,1-1 25,1 0 0,0 3 0,1-2-6,0 1 0,0-2 0,0 2 0,0 0 24,0 0 0,-4 1 1,1 3-1,1 0-7,1 0 1,1-1 0,0-1 0,0 0-12,0 0 1,-1 1 0,1 1-1,0-1 2,0-2 1,0 2 0,0-2 0,0 2-30,-1 1 1,2-3 0,1 0 0,1 1-1,-1 1 0,-1 1 0,-2 0 0,1 0-22,0 0 0,3 0 0,0 0 0,-1 0 7,-2 0 1,0 0-1,0 0 1,1 0-4,2 0 1,-2 0-1,2 0 1,-3 0-20,0 0 1,3 0-1,0-1 1,-1-1 30,-1-1 1,-2 0 0,2 3 0,1 0 9,1 0 1,0 0 0,-3 0-1,-1 0-5,1 0 1,0 0 0,0 0 0,0 0 20,0 0 1,0 0 0,-1 0-1,1 0-4,0 0 1,0 0-1,0 0 1,0 0 1,0 0 0,-1 0 1,1 0-1,0 0-7,0 0 0,0-1 1,0-1-1,0-1 8,-1 1 0,1 1 0,1 1 1,1 0 17,1 0 1,0 0 0,-3 0-1,0 0-14,3 0 1,-2 0-1,2 0 1,-2 0 10,-1 0 1,-1 0 0,2 0 0,1 0 2,1 0 1,0 0 0,-3 0-1,0 0-20,3 0 0,-2 0 0,3 0 0,-1 0-15,-1 0 1,1 0 0,-3 0 0,0 0 11,0 0 1,3 0 0,0 0 0,-2 0-8,0 0 0,-1 0 1,1 0-1,1 0 3,1 0 1,-1 0 0,-2 0-1,0 0 11,0 0 0,0 0 1,0 0 0,0 0 0,-1 0 0,1 1 0,0 1-3,0 1 0,0 0 0,0-3 0,0 0-10,-1 0 0,0 1 0,-1 1 0,-1 1 8,1-1 1,1-1 0,1-1 0,0 0-6,-1 0 0,-2 0 0,0 1 0,1 1-6,1 1 1,1 0-1,0-3 0,0 0 1,-1 0-1,1 0 1,0 0 1,0 0 0,0 0-12,0 0 0,0-1 3,-1-2 1,-2-1 0,0-3-1,1 1 1,0-1-9,-1-1 1,1 2-1,-3 0 1,1 0-5,2-2 0,-2-4 1,-1 0-1,1 1 4,0 1 1,-2 2 0,2-1-1,0 0 12,0 0 1,-3 0-1,2 1 1,-1 1-8,0 1 0,1 4 15,-1-1-2,-2 2 17,3 1-11,-4 0 0,0 1-3,0 2 0,0-1-1,0 4-3,0-4 0,0 3 10,0-2 17,0-2 0,1 4 153,2-2 29,-2-2-142,3 7 0,-4-3-32,0 4 0,0 0 1,0-1-28,0 1 1,0 0 0,-1 0-9,-2 0 1,2 0 0,-2 0 24,2-1 0,-2-2 1,0 0-89,1 1 0,1 1 23,1 1 1,0 0-34,0 0 1,0-4-5,0 1 0,1-1 31,2 1 0,-1 1 45,4-4 1,-3 3 33,2-3 0,0 1 1,2-2 19,-1 1 1,-3 0 0,3-3 20,1 0 1,-2 3 0,1 0-34,1-1 0,-2-1 0,0-1-18,2 0 0,-2 0 0,1 0 0,1 0 9,1 0 0,1 3 1,0-1-48,0 0 0,-1-1 0,1-1 1,0 0 20,0 0 1,-3 0 0,0 0 10,1 0 1,1 0 0,0 0 0,1 0 12,0 0 1,0 0 0,0 0 0,0 0 12,0 0 1,0 0-15,3 0 0,-2 0 0,2 0 0,-2 0-2,-1 0 0,-1 0 0,1 0 0,0 0-20,0 0 1,0 0 0,0 0 0,0 0-12,0 0 1,-1-1-1,1-1 1,0 0 12,0 0 0,0 1 0,0 1 0,0 0-23,-1 0 0,1 0 0,0 0 1,0 0 6,0 0 1,0 0 0,0-1 0,-1-1 33,1-1 0,0 0 0,0 3-1,0 0 0,0 0 0,0 0-13,-1 0 0,1 0 0,0 0 23,0 0 0,0 0-48,0 0 1,0 0 0,-1 0 20,1 0 0,-3 0 1,0 0-8,1 0 0,1 0 0,1 0-4,0 0 0,-3 0 0,-1 0 1,2 0 0,-2 0 0,1 0-1,1 0 1,1 0 0,1 0 1,0 0 0,-3 0 1,-1 0-45,2 0 0,1 0 32,1 0 0,0 0 0,0 0 2,0 0 0,0 0 9,-1 0 0,1 0 0,0 0-12,0 0 0,-3 0 1,0 0 18,1 0 0,1 0-5,0 0 0,1 0 1,-1-1 1,-2-2 0,2 2 7,-2-2 0,2 2-6,1 1 0,-1 0 0,1 0-3,0 0 0,-3-3 0,0 0-45,1 1 0,1 1 1,1 1-38,-1 0 0,-2 0 0,0 0 0,1 0 48,1 0 1,-2 0-1,0 0-25,1 0 1,1 1 0,0 1 19,1 1 1,0 0 0,0-3 0,-1 1 26,-2 2 0,2-2 1,-2 2 22,2-2 1,0 2-14,1 0 1,-1 1 0,-1-2 56,-1 0 0,-3 1 0,2-2 39,-1 2 1,0-2-1,-2 3-46,1 0 0,1-3 0,-3 3 0,2 0-3,-1 2 0,0 2 0,0 1 1,1 1 12,-1 1 0,-1 2 0,-1 3 0,0-1-44,0 0 1,1 5 0,1 1 0,1-1-66,-1-2 1,0-1 0,0-1 0,1-2-181,-1 2 0,0-3 0,0 0-143,1 0 1,1-4 373,-1 3 0,-2 2 0,3 0 0</inkml:trace>
  <inkml:trace contextRef="#ctx0" brushRef="#br0" timeOffset="2041">1666 1702 7524,'0'5'-1639,"0"0"1566,0-2 1,1-2 240,2 2 20,-2-2-22,3-1 6,-4 0-88,0 4 1,0-2 72,0 4-63,0-4-39,0 1-74,0-3 58,0 0 35,-4 0-48,3 0 0,-3 1 44,4 2 14,0-2-60,0 3 50,0-4 35,0 0-41,-4 0-51,3 0-52,-2 0 24,3 0 21,0 4 1,0-2-16,0 4-34,0-4 66,0 2 56,0-4 72,0 0-159,0-4 0,0-1 2,0-4 1,0 0-2,0 1 1,0-1 0,0 0 0,0 0-1,3 0 1,-2 3 0,2 0 0,-1-1 0,1 0 1,-2-2 0,2-1 0,-2-1 24,-1-1 0,3 0 0,0 4 0,-1-1 12,-1 0 0,0-3 0,1 0 0,1 1-23,-1 2 0,-1 0 0,0-1 0,1-1-15,1-1 0,0 0 1,-2 3-1,1-2 5,1-1 1,0-3-1,-2 2 1,1 1-7,1-1 0,1-2 0,-3 2 0,2 0-10,-1 1 0,2-4 0,-1 2 0,0-1 12,1 1 0,-3 0 1,3-2-1,-1 1-5,0-1 1,0 0 0,-2-2 0,1 0 2,1 1 1,1-1 0,-2 0 0,1 1 28,-1 3 0,2-3 1,-1 3-1,0-1-15,0 1 0,-1 0 0,3-3 1,0 1-7,0 1 1,-2-4 0,2 3 0,0-3-6,0-1 1,-2-1-1,2 2 1,0 0-7,0-2 0,0 0 1,1 3-1,-1-2 3,-1-1 0,2 1 0,-2 3 0,0 1 20,0 1 1,2 2 0,-2-2 0,0 2 17,0 0 1,0 2 0,-1-2-1,2 0-6,0 2 0,-1-2 0,-2 0 0,2 1-4,1-1 0,-3-3 0,2 2 0,-1-1 9,0 1 0,3 0 1,-2-2-1,0 2 13,0 2 0,0-3 0,-2 3 0,1 0-32,-1-1 1,2 3-1,0-1 1,-1 0 16,1-1 0,2 2 1,-2-3-1,0 2-13,0-1 1,3 0 0,-2 3 0,1 0-38,0 0 1,-3 0 0,2 1 0,0-1 9,-1 0 0,-2 3 0,2 0-43,0-1 1,-2-1-140,4-1-108,-4 5-44,2-4 249,-4 3 0,4-3 25,2 2 1,-2 1-1,0 3 142,0-1 0,-2-1-18,4 1 1,-1-2-42,0-4 0,2 4 1,-4-1 52,-1-1 0,2 2 91,-1-1 1,3 0-134,-3-3 0,3 3-39,-3 0 1,1 1 0,-2-1-28,1 0 0,1 4-487,-1-1-401,-2 2 929,3 1 0,-1-4 0,2-1 0</inkml:trace>
</inkml:ink>
</file>

<file path=ppt/ink/ink25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30:51.642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98 568 7819,'0'-9'106,"0"0"0,0 0 1,0-1-1,0-1-24,0-4 0,0-2 0,0-2 0,-1 0-102,-2-2 0,1-4 0,-3 3 0,0-1 18,1 2 0,1-1 0,-3-1 1,-1 0-21,-1-1 1,2 4-1,0 0 1,0 1 15,1 1 1,-2 3 0,3 2 29,0 0 0,1 1 28,-3 3 43,4 4-60,-2 1 0,5 1-26,2 0 0,-1 0 1,4 3-1,0 0 16,2 0 0,2 0 1,1 0-16,1 0 1,1 0-1,-3 0 1,3 0-35,1 0 1,-2 0 0,3 0 0,-1 0-123,0 0 0,3 0 0,-3 0 1,0 0-248,1 0 0,-4-3 393,1 0 0,2 0 0,-1 3 0</inkml:trace>
  <inkml:trace contextRef="#ctx0" brushRef="#br0" timeOffset="312">116 320 8009,'9'0'-174,"0"0"115,0 0 1,0 0 0,2 0 100,1 0 0,0 0 1,-3 0-1,0-1-86,-1-2 0,1 2 0,1-2 44,2 2 0,2-3 0,3-1 0</inkml:trace>
  <inkml:trace contextRef="#ctx0" brushRef="#br0" timeOffset="900">559 1 7628,'-9'0'124,"1"1"1,1 2 0,1 3-30,0 1 1,-2 2-1,-1 0 1,0 0 1,0 0 1,0 3 0,0 0 0,0-2-208,1 0 0,0 2 0,1 0 0,2-1 89,1-1 0,-2 1 0,3 1 1,1 0 16,1 1 0,1-3 0,0 1 0,1-1-18,2-1 0,-1 0 0,4 0 0,1 0-54,1 0 0,1-1 0,-1 1 0,1-1 57,0-2 1,0 2 0,0-3 0,0 1-49,0 0 1,0 0 0,-2 2-1,0 0 72,-1-2 1,-1 2 0,1-1 0,-2 2 114,0 0 1,-3 5 0,2-6-1,-2 3-3,-1 2 0,-3-2 1,-1 4-1,-1-1-90,-2 0 1,-1-1-1,-1-4 1,1 0-62,-1 0 0,-3-2 1,0-1-1,1-2-89,1 0 1,1-3 0,1 2-1,0-3-209,2-3 0,-2-2 0,3-5 0,0 0-25,2-2 1,2-4 356,1 1 0,-4-2 0,-1 0 0</inkml:trace>
</inkml:ink>
</file>

<file path=ppt/ink/ink25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30:53.867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0 585 7707,'9'-4'163,"-3"3"0,0-2 1,1 1-132,1-1 1,1 2 0,2-3-15,1 0 1,0 3 0,-3-2 0,1 1-1089,1-1 1070,-1 3 0,7-8 0,-3 3 0</inkml:trace>
  <inkml:trace contextRef="#ctx0" brushRef="#br0" timeOffset="1305">390 239 7050,'-5'4'111,"2"2"1,2 2-1,1 2 1,0 2-87,0 3 0,0 1 1,0 3-1,0 2-47,0 2 1,0 3 0,0 2-1,-1-1-6,-2 0 1,2 3 0,-2-5-1,2-2-114,1 0 1,0-2 0,1-4 0,1 0 32,1-2 1,1-3-1,-2-5 1,1-1 100,-1 0 1,-1-2-6,-1 0 106,0-4 1,-1-3 0,-1-1 0,-2 1 58,-1-1 0,2-3 0,-2 1-81,1-2 0,-2-1 0,3 1-49,-2 2 1,3-2-1,-1 2-15,2-1 0,1 1 24,0 0 1,1 4 0,1-2 0,2 1-16,1 0 1,0 0 0,3 2 0,-1-1-9,-1-1 0,0-3 0,3 3 1,0 0-6,0-1 1,-1 3-1,1-3 1,0 1-15,0 1 0,0-4 1,0 2 5,0-1 0,-1 3 1,1-1 1,-3 2-1,-1 2 35,-1 2 1,-1 2 0,-3 4-2,0-1 1,0 1-1,0 1-15,0 2 0,0 1 0,0 2-13,0-4 0,0-1-7,0-1 1,1-4 21,2-2 0,-2-3 0,3-2 0,-1-2 8,0-1 0,3-1 1,-2-3-1,0 0-26,0 1 1,1-4 0,-1 0-73,1 1 1,-2 1 0,3 1-90,1 1 1,-2 0 0,1 1 96,1 1 1,1 4-1,1-2 65,-1 0 0,1 3 0,0-3 0</inkml:trace>
  <inkml:trace contextRef="#ctx0" brushRef="#br0" timeOffset="1708">718 514 7721,'-6'0'-114,"0"0"1,1 1-1,-2 2 272,1 3 1,4 2-1,-2 1-93,0 0 0,4-1 0,-3 1-129,2 0 0,2-1 6,2-2 0,1-2 0,5-4-17,0 0 1,-1-1 0,-1-2 0,-1-3 35,1-2 1,-2 0 0,0 1-1,-1 1 23,1 0 1,-2 1 40,3-1 126,-4 4 1,2-1-75,-4 6 1,1-1-1,1 4-199,1 1 0,1 0-6,-1 2 0,1-3 0,3-1-106,-1-1 1,-1-2 0,2-4 233,-2-1 0,1-4 0,3 2 0</inkml:trace>
  <inkml:trace contextRef="#ctx0" brushRef="#br0" timeOffset="2023">886 479 8029,'0'6'3,"0"-1"104,0 2 0,-3 1 0,0 2 0,1 1 92,1 1 1,1 0 0,0-4-105,0 1 0,3-3 0,1-1 0,1-1-385,2-2 0,1-1 1,1-2 149,0-2 0,0-1 0,-1-4 0,1 0 57,0-1 0,0-2 0,0 1 0,0-1 8,0-1 1,-1 1 0,0 4 0,-1 2 30,-1-2 0,0 3 173,3 1 1,-4 3-57,-2 3 1,-2 2 0,-1 4 0,0-1-112,0 1 1,1 0 0,1 0 0,2-1-214,1-2 251,0-2 0,8 0 0,1 1 0</inkml:trace>
  <inkml:trace contextRef="#ctx0" brushRef="#br0" timeOffset="2482">1258 355 8084,'-6'0'294,"1"0"0,0 4 0,-2 1-200,1 3 0,4-2 0,-1 0-222,2 1 0,1 1-70,0 1 0,1 0 23,2 0 1,2-2 0,4 0 105,-1-1 1,-2-4-1,-1 2 1,0-1 59,0 0 1,-3 1 0,2-2 57,0 1 1,-3 4 0,1-1-14,-4 2 1,0-1-1,-4 0 1,-1-1 51,-1 1 1,-1-2 0,1 0 0,-1 0-105,0 0 1,0-3-1,0 1-481,0-2 1,4-2-512,2-2 1008,2 2 0,5-7 0,1 3 0</inkml:trace>
  <inkml:trace contextRef="#ctx0" brushRef="#br0" timeOffset="2962">1622 682 7932,'-6'0'130,"1"-1"1,0 0 150,0-2 1,0-4 0,-2 0-1,1-3-68,-1-2 0,2-4 1,0 2-1,-1-4-115,1-3 1,-2 2-1,3-6 1,0-3-153,0-3 0,0-5 1,2-2-1,-2-2-78,-1-1 0,3-4 0,-1 3 0,2 1-13,1 4 0,0 1 1,1 9-1,1 3 48,1 5 0,4 1 0,-1 8 0,2 3-54,1 2 0,3 2 0,0 3 0,2 1-57,2 2 1,-2 5 0,-1 5-1,0 1-455,-2 1 1,2 2 662,-1 1 0,0 3 0,-4 2 0</inkml:trace>
  <inkml:trace contextRef="#ctx0" brushRef="#br0" timeOffset="3173">1498 408 7932,'-9'0'-242,"0"0"1,5 0 506,4 0-180,4 0 0,5 0 0,1-1 0,1-1-74,4-1 1,1-3 0,0 2 0,-2 0-15,2 0 1,0 0-1,0 2 1,-2-1 86,2 1 0,-3 1-84,-1 1 0,2 0 0,-1 0 0</inkml:trace>
  <inkml:trace contextRef="#ctx0" brushRef="#br0" timeOffset="3525">1781 372 7932,'-9'-9'41,"3"5"141,0 1 0,1 3-127,-4 3 1,3 1-1,1 3 1,1 2 0,1 1 0,3 5 1,0-3-49,0-2 1,0-5-1,0 1 1,1 0-127,2-1 1,2 0 0,4-3-1,0 1 0,-1 0 0,1-4 1,0-2 48,0-3 1,-1 1 0,-1-1 0,-2-1 13,-1 0 1,2-2 0,-4 0-1,0-1 46,-1-2 1,-1 2 0,0-2 0,-1 4-1,-2 2 1,-1-2-1,-5 3-13,0 0 1,0-2-1,0 4-117,0 1 1,3 2 0,1 3-136,1 3 1,2 5 0,2 1 273,0-1 0,0 2 0,0 1 0</inkml:trace>
  <inkml:trace contextRef="#ctx0" brushRef="#br0" timeOffset="3861">1914 372 6879,'0'9'803,"0"0"-561,0 0 0,0 0-203,0 0-11,4 0 0,1-5-45,4-1 0,-1-3 0,-1-3 0,-3-2-73,0-3 0,3-1 0,-1 0 0,1-1 20,-1-2 0,2 1 0,-2-2 0,2 0-186,0 2 0,1 0 0,0 1 256,0 2 0,4-7 0,1 5 0</inkml:trace>
  <inkml:trace contextRef="#ctx0" brushRef="#br0" timeOffset="4848">2198 257 7681,'0'9'-37,"0"0"0,0 0 0,-1 0 0,-1-1 145,-1 1 1,0 3-1,3 0 1,0-1 1,0-1 1,1-2 0,1-2 0,1 0-166,-1 1 1,3-3-1,0-1 52,3-2 1,1-1 0,0 0-28,0 0 0,-3-4 0,0-2 0,1-2-38,0-1 0,2 1 1,-1-1 66,-2 0 0,1 3 0,-3 1 67,1 1 1,-2-2 19,3 3 0,-4 1-21,1 5 0,-2 2 0,0 4-5,2 0 1,-2 0-1,2 0-151,1-1 1,-2-2-1,4-1 50,1-1 0,-2-1 1,1-3 23,1 0 1,1 0 0,1 0-4,-1 0 1,-2-3-1,0-1 1,1 0 21,1 0 0,-2-2 0,0 0 1,1-2 31,1-1 1,0 0-1,-2 0 1,0 0 11,1 0 0,1 1 0,1-1 1,-1 0 38,-2 0 1,2 1-1,-2 1 22,1 1 0,2 4-36,0-1 0,-3 6 1,-1 4-1,-1 3 53,-2 2 0,-1 4 0,0-2 1,1 3-61,1 1 0,3-1 0,-2-2 0,0 0-315,-1 1 1,4-3 0,0-1 250,4-3 0,3 0 0,4 0 0</inkml:trace>
</inkml:ink>
</file>

<file path=ppt/ink/ink25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38:47.999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140 169 7964,'-7'0'0,"0"0"0,0 0 423,0 0 1,0 2-1,0 1 1,0 0-119,0 0 1,0 3-1,0-2-159,0 0 0,2 1 1,1-2-1,0 0 57,0 0 1,3 3 0,-1-1-705,1 1 1,1-2-1,0 1 319,0 1 1,3-3 0,2 1 0,1-1 25,1-1 0,0 1 1,0-1-1,0 0 107,0-1 1,0 1-1,0 0 8,0 0 0,-1 2 147,-1 1 1,-2-2 0,-3 2 0,0 1-113,0 0 0,-3 1 0,-2 0 0,-1 0-43,-1 0 1,-3-1-1,1-1 1,1-1 5,0-1 1,-2 0 0,1-3 0,1 0-64,0 0 0,1-1 0,0-1 0,1-3-284,1-1 0,-1-1 1,4 0 83,1 0 0,1 3 306,2 2 0,5-2 0,4 0 0</inkml:trace>
  <inkml:trace contextRef="#ctx0" brushRef="#br0" timeOffset="436">273 232 8323,'-7'0'541,"0"0"1,0 3-429,0 2 1,1 1 0,0 1-1,2 0-64,1 0 0,-2 0 1,3 0-1,1 0-230,0 0 0,1 0 0,0 0 1,0 0-8,0 0 1,3 0 0,2-1 0,1-1 80,1-3 1,0 1 0,0-1 0,0 0 59,0-1 1,1-2 0,0-1 0,1-3 53,0-1 1,-2-1 0,-2 0 0,-1 0 205,-1 0 1,2-1 0,-3-1-1,0 0-148,-1 1 0,-2 1 0,-1 1 0,-1 1-62,-1 0 1,0 1-1,-3 0 1,0 1-127,0 2 1,0 0 0,0 1 0,0 0-269,0 0 0,2 1 1,1 1-1,1 3-443,2 1 834,0 1 0,1 0 0,0 0 0</inkml:trace>
  <inkml:trace contextRef="#ctx0" brushRef="#br0" timeOffset="821">413 239 8146,'-4'7'287,"1"2"0,3 1 0,-1 0-148,-1 0 0,1 4 0,-1-1 0,1-1-140,1-2 1,2 0 0,1-3 0,1-1-57,1-1 0,-1 0 1,1-3-1,0 0 71,2-1 1,0-2-1,0-1 1,0-4-55,0-2 0,1 0 0,1-2 0,-2 0-41,-1 1 1,2-3 0,-4 3 0,0 1 75,1 3 0,-3-1 11,3 4 1,-3 1-1,0 3 101,-1 3 1,-1 4-1,0 2 1,0 0-320,0 1 0,0-3 0,2 2 0,1-1-981,1-1 1193,1-1 0,2-1 0,0 0 0</inkml:trace>
  <inkml:trace contextRef="#ctx0" brushRef="#br0" timeOffset="1333">651 274 8055,'-3'7'-20,"1"1"0,0 0 130,2 1 1,0 1-1,0-2 1,0 0 33,0 1 0,0 1-202,3-3 1,1-3 0,3-2 0,0-1 47,0-1 1,0-3-1,2-2 1,0-1 91,0-1 0,-1 0 0,-1 0-38,0 0 0,-1 2 0,-1 1 126,0 1 1,-3 1-30,3 2 1,-3 3 0,0 2-1,-1 2-218,-1 2 0,0-1 0,0 2 1,0-2-193,3-1 1,-2 2-1,3-4 269,-1 1 0,6-2 0,-1-1 0</inkml:trace>
  <inkml:trace contextRef="#ctx0" brushRef="#br0" timeOffset="1976">1001 281 7295,'-3'-4'511,"-1"1"-253,-3 3 1,0 0 0,0 1-231,0 1 0,0-1 0,2 4 0,0 1-39,0 0 0,-1 1 0,1 0 1,0 0 45,0 0 1,2 2 0,0 0 0,0 0-40,1-1 0,0-1 1,2 0-1,0-1-60,3-1 1,1-2 0,3-3-1,0 0 26,0 0 1,0-3-1,0-3 1,3-3 22,1-5 0,0-1 1,1-4-1,0 1-6,-1 0 0,1-4 1,-3 3-1,0 0-22,-1 1 0,-1-3 0,0 2 0,-1 0 45,-1 1 1,0-1 0,-3 2 0,0 0-3,-1 0 0,-1-1 0,0 4 1,0 3 51,0 3 0,-1 4 0,-1 2 115,-3 1 1,-1 7 0,-1 4-1,0 5-187,3 4 0,-2 4 1,1 2-1,-1 0-34,2 1 1,-2-1 0,4 1 0,0-1-87,2-1 1,0 1 0,0-3-1,0-2-229,0-3 1,3 0-1,1-4 1,2-1 368,-1 0 0,1-6 0,-2 1 0,3-1 0,0 1 0</inkml:trace>
  <inkml:trace contextRef="#ctx0" brushRef="#br0" timeOffset="2416">1176 253 8013,'-4'3'-165,"1"2"188,3 1 1,-3 3-1,1 2 1,0 1 133,2 3 1,-3 0 0,1-2 0,0 0-93,2-1 0,0 0 0,0-5-18,3 0 0,1-1 1,3-1-1,0-3-102,0-1 0,0-7 0,0-1 0,0-3 8,0 0 1,2-2-1,0 2 1,0 0 50,-1 0 0,-1 1 0,0 2 0,0 1 8,0 1 1,-3 2 0,0 4 76,-1 1 0,2 3 0,-3 3 0,0 2-45,-1 1 0,-1 0 1,0 1-1,0-1-448,0-1 0,2 2 0,0-3 404,0 0 0,2-1 0,0-1 0</inkml:trace>
  <inkml:trace contextRef="#ctx0" brushRef="#br0" timeOffset="2833">1456 309 6772,'7'0'301,"-1"-1"-258,-2-1 1,3 0-19,-3-3 1,2 3 157,-2-3-25,0 1 0,-5 0 0,-2 2-31,-1 1 1,-2 1-1,-1 1 1,0 1-43,0 3 0,0 1 1,0 1-1,0 0-1,0 0 1,0 2-1,2 0 1,0 0-129,0-1 0,2 1 1,0 1-1,3 0 30,0 0 0,0 0 0,0-3 0,0 0-21,3 0 1,1-3-1,3 0 1,2-1-49,0-1 1,1-1 0,0-2 0,1-1-118,3-3 0,-3-1 0,1-1 0,0 0 200,-2 0 0,7-3 0,-2-1 0</inkml:trace>
  <inkml:trace contextRef="#ctx0" brushRef="#br0" timeOffset="3234">1694 232 7576,'-7'1'929,"2"0"-634,0 1 1,1 4 0,-3-1-1,2 1-104,0 1 1,1-3 0,-1 1 0,1 1-171,1 0 0,-2 1 1,3 0-1,0 0-20,-2 0 0,4 0 0,-3 0 1,3 0-89,0 0 1,3-3 0,1 1 0,0 0-56,1-1 1,0 1 0,2-2 0,0 0 31,0 0 0,0 3 0,0-1 54,0 1 0,-4 1 0,0 0 116,-2 0 1,-1 0 0,-1 0 0,-2-1-121,-1-1 1,-2 1 0,-2-2 0,-1 0-48,0-2 1,0-1 0,2-1 0,0 0-176,0 0 1,0-1 0,2-2 0,1-3-49,1-3 1,1-3 0,2 3 0,0 1 329,0 0 0,0-2 0,0-1 0</inkml:trace>
  <inkml:trace contextRef="#ctx0" brushRef="#br0" timeOffset="3631">1925 204 8373,'-7'2'0,"0"0"0,0 1 271,0 0 0,0-2 1,0 4-1,0 0-296,0-1 1,-1 3 0,0-1-1,0 2 102,2 1 0,1-1 1,-2-1-1,0 0-68,3 0 0,0 2 1,2 0-1,0 0 43,0-1 0,2-4 0,0 1 1,0 1-212,3 0 0,-2-2 1,4 1-1,0 0 80,2-1 1,0 1 0,0-2 0,0 1 44,0 2 0,-1 0 0,-1 1 53,0 0 1,-4 0 0,2 0 0,-2 0 118,-1 0 0,-3 2 1,-1 0-1,-1 1-92,-3 0 0,-3-2 1,1 0-1,0-2-232,0-1 0,-2-3 0,2 2 0,0-1 88,0-1 1,1-2 97,2-2 0,-4-5 0,1-4 0</inkml:trace>
</inkml:ink>
</file>

<file path=ppt/ink/ink25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38:44.643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182 239 7918,'-7'-4'396,"0"2"0,0-2 0,0 2-193,0 1 1,0 0 0,0 1-53,0 0 1,0 0 0,0 0-206,0 0 1,2 2-1,1 1 1,1 0-1,-1 0 0,0 3 0,-1-1-276,3 1 1,-1 1 172,0 0 0,2 0 0,2 0 1,2 0 47,1 0 1,1-1-1,2-1 1,0 0-7,0 1 1,0-3 0,0 1 0,0 0 113,0 0 1,-2-2 0,-1 2 0,1 0 98,-1 0 1,-1-2 0,-3 3 15,0 1 1,-3 0 0,-2 1 0,-1-1-82,-1-1 1,-1 0 0,0-2-1,-2 0-40,2 0 1,-2 0 0,0-3 0,-1 0-135,1 0 0,1 0 0,1-1 0,0-1 21,-2 0 1,3-3 0,3 2-1,1 0-229,-1 0 1,2 0 348,0 1 0,4 1 0,2-2 0</inkml:trace>
  <inkml:trace contextRef="#ctx0" brushRef="#br0" timeOffset="639">259 316 7821,'-4'3'-114,"2"2"1,1 2 0,1 2 0,0 3 184,0 1 0,0 4 0,0 2 0,0 2-33,0 0 0,0 4 0,-1-4 0,0 0-28,-2-1 0,1-2 0,2-3 0,0-2-42,0-3 1,0 0 31,0-3 0,0-4 1,0-3 49,0-4 1,0-5 0,0-3 0,0-2 14,0-2 1,0-1 0,0-3-1,0 1-11,0 0 0,0-1 0,0-1 1,0 1-2,0 1 1,2-1-1,1 4 1,1 1 27,-1 0 1,2 4-1,0 2-64,1 1 1,1 4 0,0 2 0,0 1 25,0 1 1,0 1 0,0 1 0,0 3-117,0 1 0,-2 1 1,-1 1-1,-1 0 61,-2 1 1,0 2 0,-1-3 0,0 1 0,0 1 131,0 0 0,-1-2 0,-1 0-57,-3-2 0,0 0 0,-1-2 0,2 0 10,-2-2 1,0-1 0,-1-1-84,0 0 0,2-4 0,1-2 1,1-4-247,2-1 1,-2 0 0,0-3 0,2 0-66,0 0 1,3 3-1,2 2 1,1 1-280,0 1 1,5 2 599,-3 0 0,5 4 0,-1-2 0</inkml:trace>
  <inkml:trace contextRef="#ctx0" brushRef="#br0" timeOffset="1079">434 295 8151,'-4'3'530,"1"-2"-345,3 4 1,1-3-1,1 2-91,3-1 1,-1 0-1,0-3-203,2 0 0,0 0-130,1 0 1,0-1 184,0-1 1,-3 0 49,-2-3 1,-2 3 0,-2-2 12,-3 1 1,-1 1 0,-1 2-1,0 0-17,0 0 1,0 3-1,0 2 1,0 1 1,0 1 0,1 0 0,0 0-58,2 0 1,2 0 0,0 0 0,1 0-7,1 0 1,1 0 0,1 1 0,3-1-89,1 0 0,1 2 1,1-4-1,1 0-529,3 0 0,1-2 687,1-3 0,3-6 0,1-2 0</inkml:trace>
  <inkml:trace contextRef="#ctx0" brushRef="#br0" timeOffset="1551">679 302 8023,'-5'0'523,"1"0"0,1 0 0,-1 0-122,-2 0 0,2 0 0,0 0-339,-2 0 0,1 1 0,-1 0 1,2 2-126,-2 1 1,1 1 0,-1 2-1,2 0 41,-2 0 1,2 0-1,0 0-69,1 0 1,1 0 0,2 0 0,0 0-108,0 0 0,2 0 1,1-1-1,1-1-44,2 0 0,0-3 1,2 0-1,0-1 5,2-1 1,0 0-1,-2 0 1,2-1-409,1-1 1,-2 0 644,0-3 0,2 1 0,0-3 0</inkml:trace>
  <inkml:trace contextRef="#ctx0" brushRef="#br0" timeOffset="1730">770 330 8323,'0'7'150,"0"0"1,0 0 0,0 1-1,0 0-166,0 1 0,2-2 0,1-2 0,-1 0-393,1-1 0,-2 0 0,2-3-754,0 1 1163,1-5 0,3-5 0,0-6 0</inkml:trace>
  <inkml:trace contextRef="#ctx0" brushRef="#br0" timeOffset="1888">791 1 8120,'-7'1'0,"1"2"633,1 4 1,2 2-655,3 3 1,0 3 0,0-1 0,0 1-494,0 0 1,3-1 513,2 0 0,1 3 0,1 1 0</inkml:trace>
  <inkml:trace contextRef="#ctx0" brushRef="#br0" timeOffset="2301">952 295 7920,'-7'0'474,"0"0"-155,0 0 1,0 0 0,1 1 0,0 1-228,2 3 0,0 1 0,-2 2 0,2 0-60,1 1 0,-1 3 1,1-2-1,2 0-167,0 0 1,1 2 0,1-3 0,1-1-64,3-2 0,-1-1 1,0-3-1,2 0 79,0-1 0,1-1 0,1-1 1,0-1-27,2-3 1,-1-4-1,-2 0 1,1 0 56,1-1 1,-4 2 0,2-2 0,0 0 49,-1 1 0,-1 1 0,-2 2 96,1 1 25,-2 4 1,-2-1-1,0 4 37,0 3 1,0 3 0,0 1-1,0 0-319,0-1 1,1-1-1,0 0 138,2 0 0,0-3 61,-1-2 0,2 2 0,3 0 0</inkml:trace>
  <inkml:trace contextRef="#ctx0" brushRef="#br0" timeOffset="2574">1155 22 8133,'-4'1'710,"1"1"-508,0 3 0,2 2 0,-2 3 0,1 3 223,-1 2 0,-1 7 0,0 0 1,1 1-273,-3 1 1,2 4 0,0-2 0,0-2-235,1-1 1,1-2-1,0-1 1,1-1-186,1-3 1,3-2 0,2-2-1,1-1-266,1-1 1,2-3 0,1-3 0,1-1 531,2-1 0,3-1 0,2-1 0</inkml:trace>
</inkml:ink>
</file>

<file path=ppt/ink/ink25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38:53.722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56 28 7956,'0'-7'559,"0"0"0,0 2 120,0 0-724,0 4 0,0-1 1,0 4 74,0 3 0,0 2 1,-2 2-1,0 3-199,0 1 0,1 3 1,-1 1-1,-1 1 5,-1 2 0,3-1 0,-2 0 0,2-1-88,-2-4 1,3 1 0,-3-5-98,2 1 1,1-2 355,0 0 0,1-4 49,2-3 0,-3-4 0,3-3 0,-3-1-1,0-1 1,0 0 0,0 0 0,-2 0 207,0 0 0,-1 0 1,1 0-1,-1 0-29,-1 0 0,3 0 0,-3 0-46,1 0 1,2 1-1,-3 0 234,1 1-396,0 4 0,4-2 0,2 3 0,1 0-229,2 0 0,2 2 0,2 0 1,1 0-592,2-1 0,1-1 794,0 0 0,4 0 0,-1 0 0</inkml:trace>
</inkml:ink>
</file>

<file path=ppt/ink/ink25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38:57.738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36 330 8058,'0'7'160,"0"-3"1,0-4-1,0-5 1,0-1-1,0-1-32,0 0-29,0 0-97,0-3 1,0-1 0,0-3 0,0 0-14,0 0 1,0-1 0,0-1-1,0 0-11,0 0 1,0 1 0,0-1 0,-1 0-28,-1 0 0,0 2 0,-2 0 0,0 0 23,1 0 1,0 3 0,-1 1 0,1 3 8,2 0 1,-1 0 0,1 2 14,-2 0 1,1 3 6,2-3 0,1 4-5,1-2 1,0 3-1,2 0 1,1 0 46,-1 3 1,2-2 0,-2 2 0,1-1 10,-1 0 0,1 1 0,2-1 0,1 0 41,1 0 0,0-1 0,2 1 1,2 0-109,0 0 0,1-1 0,0-1 0,0 0-43,0 0 0,2 0 0,1 0 0,-2 0-232,0 0 0,-2 0 0,0 0 284,-2 0 0,-2-3 0,1-1 0</inkml:trace>
  <inkml:trace contextRef="#ctx0" brushRef="#br0" timeOffset="355">99 190 8042,'-4'0'233,"6"-3"-141,5 1 1,2 0 0,-1 2 0,0 0-207,2 0 0,1-3 0,-1 1 1,1 0-443,2 2 1,-1 0 555,0 0 0,4 3 0,-1 1 0</inkml:trace>
  <inkml:trace contextRef="#ctx0" brushRef="#br0" timeOffset="1057">498 1 8007,'-7'0'87,"0"0"1,0 2 0,0 0 76,0 0 1,0 2 0,0 0 0,0 0 0,0 1-64,0 0 1,-2 2 0,-1 0 0,2 0-55,3 3 0,-1-2 1,1 1-1,0-1-84,0-1 0,0 2 0,2 0 27,2 0 1,0-1-1,1-1 1,0 0-143,0 0 0,1-3 1,1 0-1,2 0 110,0 0 1,4-2 0,-2 2 0,1 0 11,1 0 1,1-2 0,-2 1 0,0-1 0,0 0 1,0 4 0,-1-2 0,0 2 75,-2-1 1,-2 1-1,0-1 1,-1 3-15,-1 1 1,0 3-1,-1-3 1,-1 1-26,-3 0 1,-1-2-1,-1 3 1,0-1-51,0-1 0,0-2 1,0-2-1,0-1-18,0-1 0,0 0 0,0-1 0,0 0-84,0 0 1,2-2-1,1-2 1,0-3-94,1-1 0,1-1 0,0 0 1,1 0 39,1 0 1,1 0-1,0 0 1,2 0 196,1 3 0,1-2 0,2 2 0</inkml:trace>
  <inkml:trace contextRef="#ctx0" brushRef="#br0" timeOffset="1399">568 183 7970,'-7'-4'520,"0"1"0,3 3-295,2 3 0,2-2-206,2 1 1,2 1 0,4-1 0,0 0-169,2-1 1,1-1 0,-1 0 0,0 0-186,1 0 1,1-3 0,0 1-1,0 0 334,0 2 0,1-3 0,-2-1 0</inkml:trace>
  <inkml:trace contextRef="#ctx0" brushRef="#br0" timeOffset="2479">869 8 7241,'-5'0'367,"0"0"1,3 0-139,-3 0 1,3 0 0,-2 3 0,1 1-117,2 3 0,0 2 0,1 2 0,0 2-60,0 4 0,-1 5 1,-1 2-1,0 0-156,1 0 1,0 2 0,1-3 0,0-1 3,0-2 0,-3-1 0,1-3 1,1 0-242,0-1 1,1-4 0,0-2 247,0-1 76,0-1 0,1-4 0,0-3 22,1-4 0,1-2 0,-3-1 0,0 0 34,0 0 0,0-1 0,0-1 0,0 0 35,0 0 0,-3 2 0,1 0-41,1 0 1,0 0-16,1 0 1,0 2-49,0 0 0,3 4 16,2-2 0,1 3 0,1-1 0,0-1 40,0 0 1,0 0-1,0 1-4,0-1 0,0 1 0,0-2 0,0 3 49,0 0 0,-3 0 0,1 0-19,1 0 1,0 0 0,0 3-44,-1 1 0,0 3 1,-3 0-1,0 0-6,-1 0 1,-1 0 0,0 0-1,0 0-49,0 0 0,0 3 20,0 1 0,0 0-62,0-2 74,0-4 1,0-3 0,1-4 43,1-3 1,-1-1-1,3-1 1,0 0-30,0 0 0,-2-3 0,3 0 0,0 0-21,-1 0 0,2 1 0,-1 2 1,1 0-72,1 0 0,0 0 0,0 2 0,0 1-66,0 1 1,0 1 0,1 2 0,0 0 155,1 0 0,1 0 0,-3 0 0</inkml:trace>
  <inkml:trace contextRef="#ctx0" brushRef="#br0" timeOffset="2789">1177 225 8064,'-3'-4'488,"-2"1"0,-1 3 0,-1 0-400,0 3 0,0 1 0,0 3 0,1 0-24,1 0 0,-1 0 0,3 2 1,0 0-1,0 1-269,2 0 0,0-2 1,1 1-27,0-1 0,2-4 1,1 0-1,1-1 148,2-1 0,0-1 0,1-1 0,0 0 0,0-1 0,1-1-90,1-3 1,-1-1 0,1-2 95,-1-1 1,-4 1 62,1-2 1,0 3 0,1 2 0,-1 1-43,0 1 123,-3-2 0,1 5 1,-3 0-21,0 3 1,0 4 0,0 0-16,0 0 1,0 2-1,1 0-46,1 0 0,-1-4-249,4 0 0,0-3 1,2 0-1,-1-2-485,-1-2 748,1 1 0,-2-9 0,3 3 0</inkml:trace>
  <inkml:trace contextRef="#ctx0" brushRef="#br0" timeOffset="3084">1352 225 8014,'-4'7'-173,"0"0"1,2 0 0,0 0 425,1 0 1,-1 2-1,0 0 1,0 0-156,1-1 0,0-1 1,1 0-1,1-1 0,1-1-152,3 0 71,1-3 0,1 0 1,0-4-1,0-3-181,0-1 1,2-2 0,0-1 0,0 0 9,-1 0 0,-1-1 1,0 1 92,0 0 0,0 2 0,0 3-24,0 1 1,-3 3-1,-2 3 191,-1 1 1,-1 3 0,0 0 0,0 2 69,0 0 0,2 1 0,0-3 1,0 0-1495,-1 0 1318,2 0 0,1 0 0,3 0 0</inkml:trace>
  <inkml:trace contextRef="#ctx0" brushRef="#br0" timeOffset="3710">1688 197 7975,'-3'-4'126,"1"1"1,-3 3 236,0 0 0,1 0 0,-1 0-5,0 0 1,-1 0-1,-1 2-357,0 0 1,0 4-1,2-2 1,1 0-221,1 1 0,-2 0 141,0 2 0,2 0 1,1 0-108,1 0 1,1-3 0,1 0-1,1 0 27,3 0 1,1-2 0,3 2 28,0-1 1,1 0 0,-3-1 0,0 0 69,0 0 0,-1-1 0,-1 1 0,-1 1 62,-1 1 1,0-2 0,-3 3-1,0 0 106,0 2 1,-1 0 0,-1 0 0,-3-1-72,-1-1 1,-2 1 0,-1-2 0,0 2-97,0-1 1,-1 0 0,1-3 0,1 0-43,0-1 0,1-1 0,0-1 1,1-1-181,1-3 0,-1-1 0,4-1 0,1 0-240,0 0 520,1 0 0,3-3 0,1-1 0</inkml:trace>
  <inkml:trace contextRef="#ctx0" brushRef="#br0" timeOffset="4152">1835 491 7645,'-3'-7'0,"1"-1"-1,0-1 1,2-2 0,0-3 0,0 0 138,0 0 1,0-3-1,0-1 1,0-1-98,0 0 0,0-2 0,0-3 0,0-1-75,0-1 1,0-1-1,0-1 1,0 0-39,0 0 0,3 5 0,1 3 0,0 3 72,1 4 1,0-1 0,2 5-1,0 0-44,0 2 1,0 3 0,2 1-1,0 3-133,0 0 0,1 0 0,0 4 0,0 2-107,0 2 0,0 4 0,-3-2 284,3 1 0,-2 1 0,2 2 0</inkml:trace>
  <inkml:trace contextRef="#ctx0" brushRef="#br0" timeOffset="4343">1814 260 8071,'-7'0'-955,"0"0"834,3 0 0,1 0 315,3 3 1,3-2 0,1 2-1,3-1-81,0 0 1,0 1-1,0-1 1,0 0-1,2 1 1,0-1 0,1 0-368,0 0 0,-2-1-129,1-1 1,1 0 382,-1 0 0,1 3 0,-3 1 0</inkml:trace>
  <inkml:trace contextRef="#ctx0" brushRef="#br0" timeOffset="4705">2045 260 8002,'-7'0'-205,"0"0"143,0 0 1,0 0 0,0 0 292,3 3 1,-2-2 0,4 4 0,0 0-93,-1 2 0,2 0 0,-2 0 0,3 0-132,0 0 1,2-3-1,1 1 1,1 0-122,1-1 1,2 2-1,0-2-8,0 0 0,3-1 0,1-3 71,0 0 1,-1-3-1,-3 0 1,-1-1 24,-1-1 1,0-1 0,-2-1-1,0-1 3,0-1 0,0 1 0,-3-2 0,0 3 35,0 0 0,-3 0 0,0 0 0,-1 2 26,-1 0 0,-1 3 0,1-2 0,0 1-178,0 1 0,1 2 0,-1 0-110,0 0 0,2 3 0,0 1 1,3 3-607,0 0 856,0 0 0,3 0 0,1 0 0</inkml:trace>
  <inkml:trace contextRef="#ctx0" brushRef="#br0" timeOffset="4972">2171 260 8760,'0'7'-129,"0"0"1,0 0 0,0 0 266,0 0 1,0-3-1,0 1-94,0 0 0,0-1 1,0 0 15,3-1 0,-2 0 0,3-4 0,0-1-1,0-3 0,1-2 0,2-2-151,0 0 1,0-1 0,-1 1 0,-1 0-234,0 0 0,2-1 0,2 1 0,0 0 325,-1 2 0,-1 0 0,0 0 0</inkml:trace>
  <inkml:trace contextRef="#ctx0" brushRef="#br0" timeOffset="5993">2409 260 8113,'0'7'170,"0"0"0,-1 0 1,-1 0-1,0 2-60,0 0 0,2 1 1,0-3-58,0 0 1,3 0-71,1 0 1,3-3-1,0-2 1,-1-2-135,-1-2 1,1-2 0,-2-3 0,3 0 99,0 0 0,0-3 1,0 1-1,-1 0 13,-2 2 0,3 0 0,-3 2 64,-1 0 0,1 4 0,-2-1-15,0 4 1,1 2-1,-3 3 1,0 0 234,0 0 1,0 2 0,0 0 0,0 0-65,0-1 0,0 1 1,0 0-133,0 0 1,0-2 0,3-2 4,1 0 0,0-3 1,1 0-16,0-1 0,2-1 0,0-1 0,-1-1-95,-2-3 1,3-1 0,-3 0 0,3 0-16,0-2 1,0 0-1,0 3 1,0 0 5,0 0 0,0-1 1,0 1-1,0 1 56,0 1 1,0-2-1,0 3 78,0 0 1,0 2-1,0 0 50,0 0 0,-3 0 0,1 3 144,0 1 1,-1 3 0,0 0 0,-1 0-180,-1 0 1,-1 0-1,1 0 1,0 2-22,0 0 1,-1 1 0,-1-3 0,2 2-36,0 0 0,4 1 0,-2-4-42,3-1 13,0 1 0,3-5 0,1 2 0</inkml:trace>
</inkml:ink>
</file>

<file path=ppt/ink/ink25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0:53.485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27 0 7421,'-5'1'443,"2"2"-256,2-2-54,1 3-188,0-4 484,0 0 1,4 0-354,1 0 1,0 0-20,1 0 1,0 0-47,3 0 1,-4 0-1,1 0-9,1 0 1,-2 0 0,0 0 22,2 0 0,-2 3 0,1 0 16,1-1 1,-3-1-31,2-1 0,0 0-11,3 0 0,-4 2 1,1 1-1,1-1 0,-2-1 1,0 0-9,-2 2 0,1-2 0,-2 3 22,1 0 0,3-2-14,-3 3 1,1-2-6,-1 3 0,-3 0-8,3 3 0,-2-1 1,-1 1 0,0-3-3,0 0 1,0-1 1,0 4 0,0 0 0,0-1-29,0 1 1,0-3 0,0 0 2,0 0 1,-3 2-1,1 1-9,0-1 0,1-2 1,0 0-6,-2 1 0,2 0 0,-2 2 37,2 0 0,1-1 1,0 1 13,0 0 0,0-1 0,0 1 4,0 0 1,0-3-1,0-1-7,0 2 1,0-2-1,0 1 22,0 0 1,0 2-1,1 0 19,2-2 1,-2 1-1,3-2-9,0 0 1,-3 2-1,4-3 0,-1 0 0,0-1 1,-2 3-18,1 1 1,3-2 0,-3 0-5,2-2 1,0 4 0,2-2-32,-1 0 0,-3-1 0,1-3 0,1 0 6,0 2 1,-2 0-1,3-2-5,0 2 1,-1-2 0,1 2-13,1-2 0,0-1 0,2 0 16,0 0 0,-3 0 1,-1 0-35,2 0 0,-2 0 29,1 0 0,-4 1 0,1 1 40,1 1 185,-3 0 19,3-3-130,-4 0-16,0 0-60,-4 0-19,-1 0 1,-3 3-29,-1-1 1,3 1 0,2-2 6,0 2 1,-3-2 21,1 2 0,1 1 0,1 0 9,0 1 0,-3-3-3,1 4 1,1-1 0,0 2-1,2-1 1,-1-4 25,1 4 0,1-1 0,-3 2 20,1-1 0,-2-1 1,1 4-14,0 0 0,0-3 0,2-1 36,-3 2 0,2 1-60,-2 0 1,4 1-1,-2-1 1,1-1-23,0-2 1,0-2 0,2 2 0,-1 0 9,0 0 0,-2 0 1,2 4 20,-1 0 1,-1-3 0,2-1 10,-1 2 1,0 1-1,2 0-13,-2-3 1,3 3 0,-3-2-1,2 2 0,1 0 1,0 1-8,0 0 0,0-4 0,0 1 0,0 1-10,0 1 0,0-3 1,0 1-1,-1 1 2,-2 1 0,2 0 0,-2 1 33,2 0 1,1-1 0,0 1-19,0 0 1,0-1 0,0 1 0,0 0 27,0-1 0,0-2 1,0 0-1,-1 1 14,-2 0 1,2-1 0,-3 0 0,1 1 28,1 0 0,-4-1 0,2 0 0,0 1-71,0 0 0,-3 2 0,2-1 0,-3-1-121,-1-2 0,1 1 0,-1 2 0,0-1-90,1-2 1,-1-2 0,0 2-386,1-1 0,2-1-963,0-3 1542,4 0 0,-6 0 0,4 0 0</inkml:trace>
  <inkml:trace contextRef="#ctx0" brushRef="#br0" timeOffset="2360">573 304 6397,'5'-4'-200,"-1"3"50,0-3 252,-3 4 1,2-1 238,-3-2 25,0 2 19,0-3-44,0 4 10,0-3 70,0 2-101,0-3 1,0 3 116,0-2-127,0 2-386,0-3 52,0 4 0,-1 4-8,-1 2 1,1 1 0,-2 2 0,1 0 21,-1 0 0,2 2 0,-3 2 0,1-1-49,0 1 0,-1 1 0,2-1 0,-1 0 35,-2 3 1,3-3 0,-1 2-1,1-1 14,-1-1 0,2 3 0,-2-4 0,2 1-17,1-1 1,0 0 0,1-2 0,1 0-1,1 2 0,4-2 0,-2-3 0,0-1 12,1 1 0,0-1 1,3 0-1,-1-3 19,1-2 0,-3 2 0,0 0 0,0-1 13,2-1 1,0-2-1,-1-2 1,-2-3 44,2-2 1,0 0 0,0-1 0,-3-1-63,0-1 1,2 0-1,-2-3 1,0-2-15,0 0 0,1 0 0,-1-1 0,0 1 0,0-2 0,2-2 0,-3 3 1,0 1-5,0 1 0,-1-3 1,3 3-1,-1 2 7,-2-1 1,2 5 0,-1-3 69,-1 2 0,-1 3 1,2 1 17,-2 2 0,3 5-40,-4 2 0,0 2 1,0 3-22,0 1 1,-3-3 0,0 0-32,1 0 0,2-1-217,0 1 1,0-3-294,0 3-445,0-4-148,0 2 1118,3-4 0,2 0 0,4 0 0</inkml:trace>
  <inkml:trace contextRef="#ctx0" brushRef="#br0" timeOffset="3086">764 356 7620,'0'-9'-241,"0"4"0,0 1 409,0 1 1,-1 2-1,-1-3 98,-1 0 1,-1 3 237,1-2-132,2-2-397,-2 4 1,3-2 41,0 6 0,0 2 0,0 4 0,0 0-19,0-1 0,0 4 1,0 0-1,-1 2-47,-2 1 0,2 4 0,-3 2 0,1-1 6,0 1 1,-1-3 0,2 3-1,-1-3-14,1-1 0,2-2 1,0-2-1,0 1-112,0-1 0,0-2 0,0 1 1,2-3-341,1 0 1,1-1 0,-2 1 508,1 0 0,0 0 0,-3-1 0</inkml:trace>
  <inkml:trace contextRef="#ctx0" brushRef="#br0" timeOffset="3950">894 659 8102,'1'-8'80,"2"-1"1,-2-2 0,2-1 0,-2 0-6,-1 0 0,0-1 0,0-2 1,0 1-72,0-2 1,0-1-1,0-3 1,0-1-95,0-1 1,0 2-1,0-3 1,0 0 94,0 0 0,0 0 0,0 5 1,0 2-63,0-1 0,0 5 0,-1 0 41,-2 2 333,2 6 1,-3-1-139,4 2-173,0 2 0,4-3 3,2 4 0,1 0 0,2 0 7,0 0 0,-1 0 0,1 1 0,0 1-33,-1 1 0,4 0 1,0-3-1,1 1-58,0 2 0,1-2 0,-1 1 0,-1 0-289,1 1 0,1-2 0,-1 2 0,0-2 364,3-1 0,-4 4 0,1 1 0</inkml:trace>
  <inkml:trace contextRef="#ctx0" brushRef="#br0" timeOffset="4292">911 503 7773,'0'5'215,"1"-1"0,2-4 0,3 0-68,2 0 1,1 0 0,2 0 0,1-1-391,2-2 1,-1 2 0,3-2 0,-2 1-253,2-1 1,0 3 494,1-3 0,1-2 0,-1 0 0</inkml:trace>
  <inkml:trace contextRef="#ctx0" brushRef="#br0" timeOffset="4883">1293 512 8962,'9'0'66,"-1"0"1,1 0 0,0 0-223,-1 0 1,2 0 0,1 0 0,0 0-197,0 0 1,1 0-1,0 0 352,-1 0 0,-2-4 0,0-1 0</inkml:trace>
  <inkml:trace contextRef="#ctx0" brushRef="#br0" timeOffset="5959">1553 738 9315,'4'-5'111,"-3"-3"1,3 2 0,-1-1-96,0-2 1,3-3 0,-2 0 0,2-3-29,1-3 0,4 1 1,-3-5-1,1 2-20,1 0 0,1-3 0,-2 2 1,-1-2 20,1-1 1,3 2 0,-1-1 0,-1 0-25,-3 1 1,0 2 0,-2 4 0,1 3 20,0 0 1,-4 2 76,0 2-43,-1 4 0,-1 5 1,-1 6-1,-1 2-39,-4 0 1,1 4 0,0 0 0,1 2 14,2 1 1,-1 4-1,-1 3 1,0-1 1,0 0 1,1 2 0,3-2 0,0 1-1,0-1 1,0-1 0,0-3 0,0 1 7,0-1 0,3 0 0,1-3 0,1-2 2,1-3 1,-1-1 0,1-2 0,1-2-1,0-1 1,2-2 0,0 2 0,-1-3 40,-3-3 0,3-1 0,-2-5 0,1-1 8,-2-1 0,3-2 1,-2-2-1,1 0-53,-2 0 1,3-4 0,-2-3 0,1 0-4,-2-2 0,3 0 1,-3 0-1,1 2-31,-1 0 0,-2-1 0,2 3 0,-1 2-200,-2 2 1,2 1-1,-1 3-189,-1 2 0,0 1-1567,0 3 1986,3 2 0,4 12 0,0 2 0</inkml:trace>
  <inkml:trace contextRef="#ctx0" brushRef="#br0" timeOffset="6757">1935 668 7864,'-4'5'-938,"3"0"874,-2-2 1,2-1 530,1 3-229,0-3 1,0 3 343,0-2-311,0-2 1,1 3-181,2-4 0,1-4 0,3-2 0,-1-2 15,0-4 1,2-1 0,1-2 0,-1 0-120,1-4 0,3 2 1,-1-4-1,0 1-169,-2-1 1,3 0 0,0 2-1,-2-1 137,0 0 0,-2 2 1,1 1-1,0-1 9,-1 1 1,-3 3 0,-1 4-1,-1 2-88,0 2 136,0 4 1,-3-1 0,0 6-1,-1 3 8,-2 2 1,1 4-1,-4 3 1,0 1-13,2 2 1,-4-1-1,3 1 1,-1 2 78,1 0 1,3 2 0,-1-3 0,2-1-20,1-2 0,1-2 1,1-5-1,2-1-119,0-2 1,2-3 0,3-3 0,-1 0-39,1 0 0,3-3 0,0-4 0,1-4 24,-1-3 1,1 0 0,-3 0 0,2-2-29,-1 0 1,-2-1-1,0-1 109,0 1 0,-1 0 1,1-1-1,0 1 1,-2 1 22,-1 1 0,2 0 0,-3 3 269,-1 1-154,4 2 0,-7 5 0,2 4-66,-2 5 1,-1 3-1,-1 4 1,-2 3 9,-3 1 1,2 4 0,-1 1 0,0 2-35,0 1 0,2 1 0,-2 1 0,1-1-83,3-2 0,0 1 0,1-4 0,0 0-462,0-2 1,1-4-1,1 0 1,3-2-172,0-1 1,2-4 651,-4-2 0,3 1 0,-1 3 0</inkml:trace>
  <inkml:trace contextRef="#ctx0" brushRef="#br0" timeOffset="7825">2473 764 8257,'-5'0'1151,"5"-4"-1034,6-2 0,-1 1 0,-1-1 0,1-1-60,0-4 1,1 0 0,2-3 0,1-1-62,0-2 0,2-3 1,2-1-1,-1 0-19,1-1 0,1-1 0,-1 2 0,0-1 32,-1-2 1,3 2 0,-4-1-1,1 2-56,0 2 1,-2-2-1,2 0 1,-1 3 75,-2 3 1,1 0-1,-5 6 1,0 1-54,-2 0 75,2 4 1,-4 1-25,1 6 1,-4 2 0,-1 5 0,-2 0 24,-2 2 0,2 6 1,-1 1-1,1 2-23,0 3 0,-3 1 0,3 2 1,1 1-9,1 1 0,-1 2 0,1-3 1,1-2-167,1-1 1,1-1 0,0-5 0,0 0 38,0-2 1,3-1 0,0-4 0,0-2 24,1 0 0,-4-1 154,3-1-26,-2-3 0,-1-2-18,0-6 0,-4-1 0,0-3 1,-2 2-8,0-2 1,0-2 0,-3-1 0,-2-2-11,0 2 0,-1-3 0,2 0 0,0 1 27,-2-1 1,1 2-1,2 2 1,0 1 260,1 3 0,2-3-136,0 2 1,4 1-59,-1 0 0,6 3 0,3-1 0,3 2-56,2 1 0,2 0 0,2 0 0,-1 0-192,2 0 1,3-3 0,1 0 0,0 1-668,-2 1 1,-1 0 0,1-1 808,-1-1 0,0 0 0,1 3 0</inkml:trace>
</inkml:ink>
</file>

<file path=ppt/ink/ink25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1:11.079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0 61 7601,'0'5'-260,"0"-1"1,1-4 336,2 0 1,-2 1 98,2 2 43,-2-2-142,-1 2 0,1-2-42,2 2 1,-2-1 0,3 3 15,-1-1-31,-2 3 0,6-3-12,-4 5 1,4-3 11,-2 0 1,0-4 0,0 2-50,-1-1 0,3-2 0,-2 3 9,-1 0 0,4-3 0,-3 3 13,0 0 1,0-3 0,-3 2 3,4-2 0,-1 1 0,1 1 2,1-1 1,-4 0-1,1 0 6,0 1 0,1 1-6,4-1 0,-1-2 0,0 3-1,-2-1 0,2-2-21,-3 2 1,0-2 0,0 0 0,0 1 19,0 1 0,-3 0 0,4-3-8,1 0 0,-2 0 0,1 1-1,0 2 0,-1-2 0,1 2 0,1-2 1,-2 0-1,0 0 7,2 2 0,-2 0 0,1-3 1,0 0 0,-1 0 0,0 1 0,0 1-4,0 1 0,0 0 1,4-3 1,0 0 0,-3 0 0,-1 0 8,2 0 0,1 0 1,0 0-1,1 0 0,0 0-1,0 0 0,-1-3 10,1 0 1,0 0-5,-1 3 0,1 0-5,0 0 0,-1 0 0,1 0 1,0 0 8,-1 0 1,1 0 0,0 0 2,-1 0 1,-2 0-1,0 0-11,1 0 0,-3 0 29,2 0 1,0 0 0,3 0 0,-1 0-23,1 0 1,-3 0-1,0 0-8,0 0 0,-1 0 4,1 0 1,0 0 23,2 0 1,-2 0 0,0 0 18,1 0 1,-2 1-19,0 2 0,1-2-33,3 2 0,-1-2 1,1-1 0,0 1 15,-1 2 1,-2-2 46,0 2 0,0-2-47,2-1 0,-2 0 1,0 0-9,1 0 1,-2 0 0,0 0-5,2 0 1,-2 0-1,1 0 24,0 0 1,-1 0 0,1 0-5,1 0 0,-2 0 0,0 0-10,2 0 1,-2 0 0,1 0-25,1 0 0,0 0 6,2 0 0,0 0 0,-1 0 1,1 0 1,0 0 0,-2-1-1,0-1 24,-1-1 0,0 0 0,2 3 21,1 0 1,0 0 0,-1 0 1,1 0 1,0 0 0,-1 0-24,1 0 1,-3 0-1,0 0 1,0 0-7,2 0 0,1 0 0,-1 0-15,1 0 0,0 0 0,-1 0 0,1 0-10,0 0 1,-1 1 0,1 1 8,0 1 1,-1 0-1,1-3 2,0 0 0,0 1 1,-1 0-1,1 2-10,0-1 0,-1-1 1,1-1-1,0 0 0,-1 0 0,1 0 0,0 0 0,-1 0 12,1 0 1,0 0-1,-1 0 1,1 0 13,0 0 0,-1 0 0,1 0 0,0 0 5,-1 0 0,1 0 0,0 0 0,-1 0-13,1 0 1,0-1 0,-1-1-1,1-1-8,0 2 0,-1 0 1,1 1-1,0 0 3,-1 0 1,1 0 0,0 0 0,-2-1-13,-1-2 1,2 2-1,-2-2 1,1 2 11,2 1 1,0 0 0,0 0 0,-1 0 0,1 0 0,-3-1 0,-1-1 0,2-1-3,1 1 1,1 1 0,-1 1 0,1 0 1,0 0 0,-1-1 1,1-1-5,0-1 1,-1 1 0,1 2-2,0 0 1,-1-3-1,1 0 1,0 1 2,-1 1 0,1 1 0,0 0 3,-1 0 0,1 0 0,0 0 16,-1 0 0,1 0 1,0 0 12,-1 0 1,1 0 0,0 0-26,-1 0 0,1 0 0,0 0 0,-1 0-4,1 0 0,-3 0 0,0 0 0,0 0-2,2 0 1,-2 0 0,0 0 0,0 0-5,2 0 1,-2 0 0,0 0 0,0 1 3,-2 2 0,4-2 0,-2 2-20,2-2 0,0 1 1,1 1 14,0-1 0,-1 2 0,1 0 0,0 1 0,-1-3 1,1 2 5,0-1 0,-1 1 0,0 3 0,-1-2-1,-1-1 1,-1 2 0,4 0 0,0 1 0,-1 0-2,1-1 0,-3-2 0,-1 3 0,-2-1 0,3-3 0,-2 3-15,1 0 1,-2 1 0,2 0-19,-2-1 1,3-4 0,-3 4-7,-1 1 0,2-2-10,-1 1 0,1-2-72,-1 2 34,-2 2 64,6-7 0,-5 3 0,3-5 6,-1-2 1,0 1 0,-2-4 16,1-1 1,0 0-1,-1-2 1,1 0 14,-1 1 0,-1-1 0,0 0-7,2 1 0,-2 2 1,2 0-6,-2-1 0,2 0 0,1-1-2,0 2 1,-1 1 11,3 2 0,-3 2 1,2-2 31,-1-1 0,2 3-20,0-2 1,2 2 0,1 1-4,-1 0 0,-2 0 0,0 0-30,0 0 0,2 0 0,1 0 0,0 0 7,-1 0 0,-2 0 0,0 0 1,1 0-19,0 0 0,2 0 0,0 0 17,-1 0 1,1 0 0,0 0-1,-1 0 8,1 0 0,0 0 0,-1 0 0,1 0 13,0 0 1,-1 0 0,1 0 0,0 0-14,-1 0 0,4 0 0,0 0 0,-2 0-1,0 0 0,-2 0 0,1 0 1,0 0-1,-1 0 1,5 0 0,0 0 36,1 0 0,-2 0 0,-3 0 0,0 0-12,0 0 0,-1 0 1,2 0-1,0 0-8,2 0 1,0 0 0,-4 0 0,2 0-1,1 0 0,-1 0 0,2 0 1,-2 0-13,2 0 1,-3 0 0,4 0 0,-1 0-11,-1 0 0,4 0 0,-4 0 0,1 0-13,0 0 1,-2 0 0,2 0 0,0 0 12,0 0 0,-1 0 1,-1-1-1,0-1 12,2-1 0,0 0 1,-1 3-1,1 0 22,-2 0 1,0-1 0,-1-1-1,2-1-4,1 2 1,-1 0-1,-2 1 1,0 0-25,-1 0 0,1-3 0,0 0 0,-1 1-2,1 1 0,0 1 1,-1 0-1,1-1 7,0-2 1,-1 2 0,2-2 0,1 2 3,0 1 1,1-1 0,-4-1 0,1-1-9,0 2 1,-1 0 0,1 1 0,0 0-8,-1 0 0,1 0 0,0 0 0,-1 0 3,1 0 1,0 0 0,-1 0 0,1 0 16,0 0 1,-1 0 0,1 0 0,0 0-11,0 0 1,-1 0 0,1 0 0,0 0-3,-1 0 1,1 0 0,0 0-20,-1 0 1,4 0 0,-1 0 12,0 0 1,-1 0 0,-2 0-8,1 0 1,0 0 0,-1 0 9,1 0 0,0 0 1,-1 0-6,1 0 1,0 0-1,-1 0 1,1 0 1,0 0 1,-4 0 0,1 0-1,1 0-1,1 0 0,-2 0 1,-1 0-1,2 0 8,1 0 1,0 0 0,1 1 7,0 1 1,-1-1 0,1 2-8,0-2 1,-1-1 0,1 1-1,0 1-6,0 1 0,-1 0 0,1-3 12,0 0 1,-1 3 0,1 0-1,0-1 1,-1-1 1,1-1 0,0 0 0,-1 0-12,1 0 1,0 0-1,-1 0 1,1 0-28,0 0 1,-1 0 0,1 0 0,0 0 6,-1 0 0,1-3 0,0-1 0,-1 0 2,1 0 1,0-2-1,-1 3 1,1-2 1,0-2 0,-2-1 1,0 1-1,-1 0-2,1 1 1,0-3 0,2-2 0,0-1-11,-1 0 1,0 1-1,-1-2 1,-1-1-29,0 1 1,2 2 0,1-1-1,-1 4-45,1 2 1,-3-1-1,0 3-137,0 0 1,2-1-1,1-1 232,0 3 0,-1-2 0,1 0 0</inkml:trace>
  <inkml:trace contextRef="#ctx0" brushRef="#br0" timeOffset="2047">2073 417 7226,'0'6'304,"0"-1"1,0 1 0,0 3-215,0-1 0,0 1 0,0 0-128,0-1 1,0 1 0,0 0 0,1 0 50,2-1 0,-2 1 0,2 0 1,-2 0-30,-1 3 1,0-3 0,1 4 0,1-2 4,1 1 0,0 3 0,-3 0 0,0 0-18,0 0 0,0 3 1,0-2-1,0-1-28,0 1 0,0 4 0,0 0 1,0-1 38,0-1 0,3 0 0,0-1 1,-2 1 22,0-1 0,-1 3 0,0 0 1,0 0 13,0-2 1,3 2 0,0 1 0,-1 2 82,-1 1 1,-1-2 0,0 1 0,0 0-25,0-1 0,3 3 0,0-3 1,-1 2-13,-1-1 1,0-1 0,1 2-1,1-1-5,-2 1 1,1 0 0,0 0 0,1-1-5,-1-2 1,0 3 0,0-1 0,1 2-40,-1 1 0,-1-1 0,-1 0 0,1 0 17,2 2 0,-2 3 0,2-2 1,-3-1 14,0 1 0,0 0 0,0-1 0,0 1 7,0 1 1,0 0-1,0-2 1,0 1-1,0 1 1,0 0 0,0-2-1,0 0-55,0 2 1,3 1-1,0-2 1,-1 2-3,-1 1 0,2-3 0,0 2 0,-1-2 4,-1-2 1,-1 2 0,1-6 0,1 1-7,1 0 0,0-1 1,-1 1-1,1-1-1,-1-1 1,2-3 0,-1 3 0,-1 0 18,-1-1 0,2 4 1,0-2-1,-1 0 9,-1-1 0,1 3 0,1 0 1,-1 0-14,-1 1 1,-1-3 0,0 0 0,0 0 11,0 1 1,0-4 0,0 1 0,0-2-14,0 0 0,0 2 1,0 0-1,1 0-22,2 2 1,-2-4 0,3 3-1,-1-1 5,0 1 0,0 2 1,-3-2-1,0 0 15,0 0 0,2 0 0,1-3 0,-1 1-12,-1 1 0,2 1 0,0-3 0,-1 1 58,-1 2 1,-1-1-1,0-2 1,1 1-49,2 2 1,-2 1 0,2-3-1,-2-1-5,-1 2 0,2 2 1,1-1-1,-1 0 12,-1 0 0,2 0 1,1-4-1,0 1-1,0 3 0,1-3 1,-1 3-1,1-1-7,2 1 1,-2 2-1,1-1 1,0 2 0,2 3 0,1 4 0,-1-2 0,0-1 1,-2-1 0,4 1 0,-1-1 0,1-2 16,-1 0 1,3-4-1,0-1 1,2-2-203,1-4 0,1 1 0,0-2 1,0-1-206,-1-3 0,3 1 0,-2-6 1,2 0 382,2-1 0,1 4 0,-4-2 0</inkml:trace>
</inkml:ink>
</file>

<file path=ppt/ink/ink25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1:15.068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53 183 6723,'0'6'224,"0"-1"-121,0 2 0,0 1 1,0 0-1,0 2-42,0 2 0,0-2 0,0 5 1,0 0 35,0 2 0,0 3 0,0 1 1,0 1-62,0 2 0,0-2 1,-1 1-1,-1-1-129,-1 0 0,0-6 1,3 2-1,0-3-11,0-1 0,0-5 0,0-3 52,0 1 1,0-2-12,0 0 1,0-4 38,0-1 1,-3-1-1,0-4 1,1-2 18,1-1 0,1-1 1,0 1-1,0-2 44,0-1 0,-2-2 1,-1-3-1,1-1 43,1-1 1,1-1 0,0 0 0,-1-1 27,-2-3 0,2 1 0,-2-1 0,1 0-58,-1 0 1,2-1-1,-3 4 1,2 1 60,-1 0 1,0 3-1,3 2 1,0 2 64,0 2 1,0 2-1,0-1-105,0 0 1,1 4 0,2-1-101,2-1 0,3 2 0,1 0 45,-1 2 1,4 0 0,0 3-1,-2 0-81,0 0 1,-1 0 0,0 1 0,2 2 50,0 2 0,1 4 0,-3 2 0,-2 0-2,-1 0 0,1 2 1,-3 2-1,0 0 12,-1 0 0,0 1 1,-3-2-1,0 2 60,0-2 0,-1 3 0,-2-4 0,-1 2-53,-1-1 0,-5 0 0,2 1 0,0-1-21,-3-2 1,1 3 0,1-4-1,0 0-19,1-2 0,-1 0 0,1 0 1,1-1 24,2 1 1,3 0 0,-2-1 0,1 1 6,0 0 0,0-1 0,4 2 0,1 1 5,1 0 1,4 1-1,-2-5 1,4 0-63,3-1 0,-2-1 0,4 1 0,-2-3-107,-1 1 0,2-3 0,1 3 0,0-1-348,1 0 0,-4 3 515,4-3 0,-5 3 0,3-1 0</inkml:trace>
  <inkml:trace contextRef="#ctx0" brushRef="#br0" timeOffset="568">374 443 8061,'8'-4'95,"-2"3"1,-1-3 0,0 1-18,0 1 0,-3-2 1,1 2 46,1-1 0,-3-4-162,2 1 0,-3 3 0,-3 0 4,-2 2 0,-3 1 0,-1 0 0,0 0-5,1 0 1,-4 3 0,1 0 0,0 2 35,1 2 0,-1 2 0,-1 1 0,3 2-4,2-2 1,-1 0-1,3-1 1,1-1 26,1 1 0,2 3 0,1-1 0,0 0 8,0-2 1,4-3 0,1 0 0,4 0-12,3-1 1,1-2 0,4-3 0,1 0-224,-1-3 1,3-2 0,2-4-1,-1 0-49,0 1 1,2-1 253,-3 0 0,4 1 0,-1-1 0</inkml:trace>
  <inkml:trace contextRef="#ctx0" brushRef="#br0" timeOffset="1297">591 426 7238,'0'8'93,"0"1"0,0 3 0,0 0 1,0 2-18,0 1 0,0 4 0,0 3 1,0 2-29,0 0 1,0 6 0,0-5 0,0-1-85,0-3 0,0-1 1,0-1-1,0-4-7,0-2 1,0-1-13,0-3 1,0-5-61,0-4 0,0-8 1,0-7-1,0-1 85,0-1 0,0-4 1,0 0-1,0-1 18,0-2 1,0 2-1,0-1 1,1-1-24,2 2 0,-3-5 0,4 4 1,-1 2 97,0 2 0,3 2 0,-3 3 1,0 1 78,1 1 0,-3 2 0,5 0 0,0 2-43,-1 2 0,3 4 0,-3-1-61,3 2 0,1 1 1,-1 0-1,1 1-22,0 2 1,-2-1-1,0 4 1,-2 1-16,-1 0 1,2-1 0,-3 0 0,-2 1 13,0 0 0,-1 2 0,-1 0 0,-1-1 6,-4 1 0,-2 0 1,-1-2-1,0 0-143,-3-1 0,3-3 1,-3 2-1,2-1-15,2-3 1,-1 0-1,1-2 56,3-1 1,-2-3 0,4-4 0,1 0-178,1 1 1,2-1 0,2 0-1,3 1 258,1-1 0,2 3 0,1 1 0,0 2 0,2 1 0,3-3 0,-1 0 0</inkml:trace>
  <inkml:trace contextRef="#ctx0" brushRef="#br0" timeOffset="1644">842 391 8136,'-6'1'-51,"1"2"0,2-1 0,-2 4 151,1 0 1,-2-1 0,3 1 124,1 1 0,2 0-111,0 2 0,0-3-216,0 0 1,3-5 88,3-1 1,-1-1 0,1-5 0,0-1-13,-2-1 0,4 0 0,-1-1 0,2 0-192,3 1-1,0 0 1,-4 1 0,1 1-82,0 0 0,2 2 1,1 1-1,-2 2 299,0 1 0,-1 0 0,3 0 0,2 0 0</inkml:trace>
  <inkml:trace contextRef="#ctx0" brushRef="#br0" timeOffset="2019">1068 391 8136,'0'-9'-185,"0"4"1,-1 0 285,-2 1 0,1-2 48,-4 3 1,0-1 0,-2 2-112,-1-1 0,3 2 0,1 3-32,-2 4 0,2 1 0,0 0 0,1-1 20,2 0 1,1 2 0,1 1 0,0-1-31,0 1 1,0 0 0,1-1-48,2 1 1,2-1 0,4-2 0,-1-1-91,1-1 1,0-1-1,-1-3 1,1 0 80,0 0 0,-1 0 0,1-1 0,0-1 23,-1-1 0,-2-4 1,-1-1-1,-1-3-11,-2 1 1,-1-3 0,-1 2 0,0-1 59,0-1 1,-1 4-1,-2-3 1,-2 3-61,0 0 1,-2 3 0,1 1-1,-2 1-255,-1 3 1,1 0 0,0 2 302,2 1 0,0 3 0,3 4 0,-4 3 0,2 2 0</inkml:trace>
  <inkml:trace contextRef="#ctx0" brushRef="#br0" timeOffset="2730">1354 348 8207,'-9'-4'0,"4"3"0,-1-2 186,-1 2 1,-1 1-1,0 0-89,-1 0 0,0 0 0,1 0 0,-1 1-75,0 2 0,1-2 0,-1 3 0,1-1 13,2 3 1,0-1 0,2 1 12,-1 1 1,3 0 0,-1 2-174,2 0 0,1-4 0,1 0 47,2-1 1,1 0 0,3-2 0,-2 1 43,2-1 0,4 0 0,0 0 0,0 0 3,-1 0 1,1 3-1,1 1 1,-2 1 9,0-1 0,-1 4 0,-1 0 0,0 1 12,-2 2 1,-2 2 0,-4 0-1,0 1 68,0 1 1,0 1-1,-1 0 1,-1 1-26,-1 2 1,-4-2-1,1-4 1,-1-1-23,-2-2 0,0 3 0,1-5 0,-1-2-3,0-4 0,1 0 0,-1-2-18,0-3 0,1-4 0,-1-7 0,1-1-54,2-1 1,0-5 0,3 2-1,1-1 9,1-1 1,-2 0 0,0 1 0,1 2-90,1 3 0,4-2 1,1 4-1,1 0-8,2 1 0,0 3 0,2 0 0,1 1-29,1-1 0,0 3 0,3-1 0,1 0-364,-2 0 544,4 3 0,-4-5 0,4 2 0</inkml:trace>
  <inkml:trace contextRef="#ctx0" brushRef="#br0" timeOffset="3323">1562 365 8228,'-4'-5'-218,"3"0"0,-2 3-84,-1-1 0,2-2 648,-4 2 0,3-3 198,-3 3-481,4 0 1,-1 7-1,3 2 1,0 2-74,0 0 0,0 1 0,0 1 1,0 0-2,0 2 1,0 2 0,0-2 0,0-2 48,0 0 1,1-2 0,0-2-10,2 0 1,1-4 0,-1 0 13,3-4 0,-1-3 1,0-3-1,2-2-76,1-2 1,0 3-1,-2-3 1,0 3-89,1 0 0,0 0 0,-1 2 0,0 0-170,1 1 0,1 4 0,0-1-105,1 2 0,0 1 396,-1 0 0,5 0 0,0 0 0</inkml:trace>
  <inkml:trace contextRef="#ctx0" brushRef="#br0" timeOffset="3746">1875 330 7993,'-6'-3'0,"0"0"-238,-1 2 1,2 0 0,0 1 357,-2 0 0,2 0 1,-1 0-1,0 0 89,-2 0 1,2 0 0,0 0-1,0 1-102,2 1 0,-3 0 0,3 4 0,0 1-41,0 1 1,-1 0 0,2 2-1,1 1-72,1 0 0,1 1 0,0-3 0,1 1-79,2-1 1,-1 1 0,3-5 0,2 1-52,1 0 0,0-4 0,1 0 0,1-1 34,1-1 0,-1-3 0,2 0 1,-3-2 21,0-2 1,1-1 0,0 0-1,-2-1-5,0 0 0,-1 1 1,2-1 85,0 0 0,-5 4 142,-1-1 1,-2 5 0,-1 1-23,0 5 1,-1 2 0,-1 2-1,-1 0-29,2-1 0,0 1 0,1 0-316,0-1 0,1 0-561,1-2 0,3-2 785,4-4 0,0 0 0,-1 0 0</inkml:trace>
  <inkml:trace contextRef="#ctx0" brushRef="#br0" timeOffset="4405">2048 339 8753,'0'9'167,"0"-1"1,0 1-1,0 0 1,0-1-72,0 1 0,0 0 0,1-1-152,2 1 0,2-1 34,3-3 0,1-1 0,0-4-88,-1 0 0,-2-1 0,-1-2 1,0-2 11,0-3 0,0-1 1,3 1-1,-1 0 92,-1 2 0,-1-2 18,4 3 0,-3 1 35,0 1 0,-4 3 0,1 3 0,-3 3 102,0 1 1,0 2-1,0 0 1,0-1-31,0 1 0,0 0 1,1-2-122,2-1 0,-1-2 1,4-4-92,1 0 1,0-1 0,2-1 37,0-1 0,-1-4 0,-2 2 0,0-3 36,1-1 0,1 2 1,0 0-1,1 1 10,0-1 0,-1 0 0,1-2 0,0 1 2,-1 2 1,-2 0-1,0 3 82,1 1 0,0 1 436,2 1-354,0 0 1,-2 4 0,-1 2-78,-3 1 0,-2 2 1,-1 0-1,0-1-198,0 1 0,0-3 0,1 0-178,2 0 1,-2-1 0,3 0 0,0-1-1668,1-2 1963,3-1 0,1-5 0,-1-1 0</inkml:trace>
  <inkml:trace contextRef="#ctx0" brushRef="#br0" timeOffset="5554">2525 348 6943,'0'-5'-230,"0"0"845,0 2-172,0 2-195,0-3 1,-3 5-169,0 2 1,0-1 0,3 4-99,0 1 0,0 0 1,0 2-1,0 0 50,0-1 1,0 1 0,0 0-21,0-1 0,3 1 0,1-1 10,1-3 0,1-1 0,2-4 0,1 0-127,0 0 0,0-1 0,-1-1 0,1-1 10,0-2 0,-4-1 0,1-3 0,1 2 50,1 1 0,0-2 55,1 2 1,-3 2 143,-1 2 128,-3 1 0,2 4 0,-4 3-175,0 2 0,0-2 0,0 0-34,0 0 1,0-1-50,0 1 0,4-4 1,2 1-124,2-2 1,0-1-1,1-1 1,0-1 37,-1-1 0,1-4 1,1 2-1,0 0 31,2-1 1,-1 1 0,-2-2 37,0 1 1,-1 4 14,1 0 0,-4 2 182,-2 2 0,-2 3 0,-1 4-145,0 0 1,0-1 0,0 1-368,0 0 1,1-4-1,2 0-756,2-1 1063,-1-1 0,8-7 0,-3-1 0</inkml:trace>
  <inkml:trace contextRef="#ctx0" brushRef="#br0" timeOffset="5746">2976 382 8205,'-6'8'137,"1"-2"1,3 2 0,-1-3 0,2 3-213,1 1 0,0-4-270,0 1 0,1-4 1,1 0 256,1-4 0,2-6 88,-2-3 0,4-8 0,-2 0 0</inkml:trace>
  <inkml:trace contextRef="#ctx0" brushRef="#br0" timeOffset="5913">2976 1 8205,'-12'0'1262,"5"1"-1032,-2 1 0,3 0 0,0 3 0,1 0 0,0 0 345,0 2 1,3 1-1046,-1 4 1,5-3-1,2 3 1,1-2-615,2-2 0,1 1 1084,0 0 0,5 3 0,0 2 0</inkml:trace>
  <inkml:trace contextRef="#ctx0" brushRef="#br0" timeOffset="6424">3089 339 8412,'0'9'374,"0"0"1,0 2-410,0 0 1,0 4-1,0-3 1,0 1 83,0-1 1,0 0-1,0-3 1,1-1-54,2 1 1,-1-3 0,4-1-72,0-1 0,2-2 1,1-3-1,-1-1-13,1-4 0,0-2 0,0-2 0,2 0-97,1-2 1,-1 1 0,-2 2 0,-2 0 210,-1 1 0,2 2 0,-2 1 74,1 1 0,-2 2 0,-2 5 12,-2 3 0,-1 2 0,0 0 0,0 1-67,0 0 0,0-1 1,0 1-221,0 0 1,1-2 0,1 0-118,1-1 0,4-4 1,-2 1-1,3-2 292,1-1 0,0-8 0,-1-2 0</inkml:trace>
  <inkml:trace contextRef="#ctx0" brushRef="#br0" timeOffset="6888">3505 322 8228,'-5'-3'197,"-1"0"1,3 0-1,-3 2-71,-1-2 1,3 2 0,-2-2-143,-1 2 0,0 2 0,1 2 1,0 2 98,-1 0 0,-1 5 0,0-1 0,-1 1 5,0-1 0,3 3 0,2-1 0,0 0-136,2-1 0,1 1 0,1 1 0,0-2-94,0 0 1,4-1 0,3-1-1,2 2 53,3 2 1,-1-3 0,-1 3-1,1-2-139,0 2 0,4-1 0,-4 2 0,1 1 192,0-1 1,-3-1 0,1 1 0,-5 1-5,-1-1 1,-1 1 0,-3 1 0,0-2 210,0 0 0,-1-1 0,-2-4 0,-3 1-26,-1 0 0,-5-2 1,0-1-1,-1-3-53,1-2 1,-4-1-1,2-1 266,-3-2-252,0-2 0,1-3 0,0-2 0,3-2-77,0-2 0,0-5 0,3-3 0,2 1-244,1 0 1,3 2 0,1 3 0,2 3 131,1 0 1,7 2-1,2 2 1,5 0 0,4 1 0,3-3 0,6 1 0,1 0-183,1-1 265,4 1 0,2-3 0,4 0 0</inkml:trace>
</inkml:ink>
</file>

<file path=ppt/ink/ink2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43.39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7 0 7522,'-5'0'922,"1"0"0,3 0-113,-2 0-473,2 4 0,-4-3-241,2 2 0,2-1 1,-3 0 42,0 1 0,3 1 0,-2-1-150,-1 2 0,2 0 0,-3 1 0,0 0 8,0-1 0,0 3 1,-1-3-1,0 3 12,-1 1 1,-1 3 0,-1 0 0,2 2 22,1 1 0,-2 1 0,2-1 0,-2 0-50,0 1 1,2 3-1,0 1 1,0 0-77,1-2 1,1 3 0,4 0-1,0 0-24,0 1 1,0-2 0,1-2 0,2-2-237,3-1 1,2 0 0,1-3-1,0-2 84,3 0 1,-2-1 0,2 0 0,0-2-414,0-1 0,-1 1 684,-2-4 0,4 4 0,0-2 0</inkml:trace>
  <inkml:trace contextRef="#ctx0" brushRef="#br0" timeOffset="661">341 280 7905,'-4'-5'722,"2"1"116,-3 4-278,-1 0-380,-3 0 1,1 1 0,1 1 0,3 2-102,0 1 1,1-2-1,2 2 1,-1-1-176,-1 1 0,0 1 0,3 3 65,0 0 1,1-1 0,1 1-97,1 0 0,4-3 0,-1-1 108,1 2 1,2 0 0,-1 0 0,-1-2-161,-2-1 1,-2 1 0,2-1 93,-1 1 1,-1 1 0,-3 3 69,0-1 1,-1 1 0,-2 0 0,-2 0-55,0-1 0,-2 0 1,1-1-105,-2-1 0,-1-4 0,1 1-184,-1-2 0,0-2 0,1-2-25,3-3 1,1-2 0,4-1 381,0 1 0,0-1 0,0 0 0,4 0 0,0 1 0</inkml:trace>
  <inkml:trace contextRef="#ctx0" brushRef="#br0" timeOffset="1123">499 9 7906,'4'-4'-161,"1"3"797,-2-2-384,-2 2 0,3 2 0,-4 2 0,0 3-170,0 2 0,0 4 0,0 4 0,-1 3-69,-2 5 1,-2 4 0,-2 1 0,0-1 24,1-1 0,1 1 0,-1 0 0,3-4-29,2-2 1,-2-1 0,1-4 0,0 0-4,1-3 0,4-1 0,0-4 34,2-1 1,1 0 0,3-2-53,0-3 1,-1-2 0,1-1 20,0 0 0,-1-1 0,1-1 0,-1-2-225,-2-1 1,2-1 0,-3-2-1,2-1-417,-1 0 1,2 0 0,-3 1-734,0-1 1366,2 4 0,-6-3 0,3 3 0</inkml:trace>
  <inkml:trace contextRef="#ctx0" brushRef="#br0" timeOffset="1333">551 411 8262,'0'9'980,"0"-1"1,0 1-720,0 0 1,0 0 0,1-1-128,2 1 1,-1-1 0,3-1-1,0-2-550,-1-2 1,-1 3 0,2-2 0,0 0-565,0 0 0,-2-1 980,3-3 0,-4 4 0,1 1 0</inkml:trace>
  <inkml:trace contextRef="#ctx0" brushRef="#br0" timeOffset="1622">700 455 8266,'-6'1'2746,"1"2"-2516,1 2 0,0 3 0,1 2 0,-2 2-563,0 2 1,-1 3 0,3 0 0,1 1-763,1-1 1095,-3 0 0,3 1 0,-3-1 0</inkml:trace>
</inkml:ink>
</file>

<file path=ppt/ink/ink26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1:30.987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35 4277 7563,'-9'0'-25,"4"0"423,-1 0-44,4 0-157,-2 0-170,0 0 1,3-1-18,-2-2 0,2-2-62,1-3 0,3-1 0,1 0 55,1 1 0,-2-1 0,2 0 8,-1 1 0,1-1 1,-1 0 15,1 1 0,0-1 0,2 0 1,-2 1-16,2-1 1,0 0-1,0 1 1,-2 0-21,2 2 0,-2-2 0,0 3 1,0-2 16,-1 1 1,2-2-1,2 3 16,-2-3 0,0 2 0,-2 1-3,1 2 0,1-3 1,2 2-1,-2 0 0,0 0 0,0-3 0,3 3-5,-1-1 1,1-3-1,0 3 1,-1-1-10,1 1 0,0 0 1,-1-2-1,1 2 13,0 1 0,-1-1 1,1 1-1,0 0-4,-1 0 1,1-2 0,0 2 0,-1 1-8,1-1 0,0-2 1,-1 3-1,1 0 10,0-1 0,-1 2 0,1-2 1,0 0-13,-1 2 0,2-2 0,1 1 0,0 1 1,0 1 0,1-2 1,1 0-1,-1 1-5,1 1 1,1-1 0,-1-1 0,0 1-12,-1 1 0,3-2 1,-1 0-1,0 0 20,1-1 0,-2 3 1,3-3-1,-2 2 19,2-1 0,-1 0 0,1 2 0,-2-1-15,1-1 1,-1 0 0,0 3-1,1 0-4,-2 0 1,4 0 0,-3 0-1,3 0-10,0 0 0,-1-1 1,1-1-1,-1-1-1,2 1 0,1 1 0,-3 1 0,0 0 4,3 0 1,-1 0 0,-3 0-1,0 0 1,0 0 1,2 0 0,0 0 0,0 0-8,1 0 0,-1 0 0,0 0 0,0 0 18,-3 0 1,3 0 0,-3 0 0,3 0-11,0 0 1,-1 0 0,0 0 0,-2 0-6,2 0 1,-1 0 0,0 1 0,0 1-10,0 1 1,2 0 0,0-3-1,0 0 4,1 0 0,-2 0 0,0 0 1,-2 0-2,1 0 1,-1 0 0,0 1-1,2 1 2,0 1 0,-1 0 0,-1-3 0,1 1 15,-2 2 1,2-2 0,-2 1-1,0 0 0,-1 1 0,3-2 1,-3 3-1,1-1-13,-1 0 0,3 0 0,-3-2 0,1 1 5,-1 1 1,3 0 0,-3-1 0,1 1-5,-1-1 1,3 0 0,-3 0-1,2 1-12,1-1 0,-1 2 1,0-1-1,1-1 9,-2-2 0,1 3 1,-4 1-1,2 0 9,-2 0 0,3 0 0,-1-2 0,1 1 2,-1-1 0,3 1 1,-3 0-1,1-1-3,-1-1 1,3 2 0,-3 0 0,1-1-7,0-1 0,-1-1 0,-1 1 0,0 1 1,0 1 0,1 0 0,0-3 0,-1 0-4,2 0 1,-3 0-1,2 0 1,0 0 6,-1 0 0,4 2 1,-3 1-1,1-1 24,-1-1 1,3-1-1,-3 0 1,2 0-2,1 0 1,-1 0 0,0 1 0,1 1-12,-2 1 1,4 0 0,-4-3 0,2 0-2,-1 0 1,-1 0 0,4 0 0,-2 0-19,1 0 0,1-3 0,-4 0 1,-1 1-1,1 1 1,2 1 0,-1-1 0,0-1 2,0-1 0,-2 1 0,2 2 1,-1 0 3,1 0 1,-3-3 0,4 0 0,-1 0-4,-1-1 1,4 3 0,-3-2 0,3 1-7,0-1 0,-1 2 0,0-2 1,-2 3 14,2 0 0,-1 0 1,1 0-1,-2 0 15,1 0 1,2 0 0,0 0 0,0 0-4,-3 0 1,2 0 0,-1 0 0,1 0-18,2 0 1,-2 0 0,-1 0 0,0 0-11,0 0 1,2 0 0,0 0 0,0 0 15,1 0 0,-2 0 1,1 0-1,-2 0-4,0 0 1,6 0 0,-5 0 0,0 0-4,1 0 0,1 2 1,-3 1-1,1-1-11,1-1 1,1-1-1,-1 0 1,0 1 2,1 2 1,-1-2 0,0 2 0,0-2 0,-3-1 0,3 1 0,-3 1 0,1 1 0,0-1 1,1-1 0,-1-1 0,0 0 1,0 0 0,1 0 0,-2 1 0,0 0 11,0 2 0,0 0 0,1-3 0,0 0-10,0 0 0,1 0 0,-1 0 0,-1 0-3,-2 0 1,5 0 0,-1 0-1,-2 0-7,0 0 1,0 1 0,-1 1-1,-1 1-1,1-1 1,1-1 0,-2-1 0,-1 0 3,-2 0 1,3 0 0,-1 0-1,0 0 2,-1 0 0,1 1 0,1 1 1,-1 1 2,2-1 0,-4-1 1,3-1-1,-1 0-8,0 0 0,-1 0 0,1 0 0,0 0-10,0 0 1,-1 0 0,2 0-1,-3 0 14,0 0 0,3 0 0,-1 0 1,0 0-3,-2 0 1,0 0-1,0 0 1,-1 0-1,1 0 1,3-3 0,-1 0 0,0 1 3,-2 1 0,0-2 1,0 0-1,-1 1-13,1 1 1,-3-2-1,0 0 1,0 1-10,2-2 0,1 3 1,0-3-1,-2 0 9,-1-2 0,2 1 0,-2 0 0,1-2 12,2-1 0,0 2 0,-1 1 0,0-2-1,-2-1 0,1 2 1,-1 1-33,2-2 0,1 0 0,-2 0-4,-1 2 0,2 2 23,-2-3 1,-2 1-1,1-2 99,-1 2 2,-1 3 1,-4-2-19,-2 4-34,2 0 1,-4 0-167,2 0 1,3 1-20,-3 2 1,2 1 148,1 5 0,0 0 0,-1-2-22,-2-1 1,2 2 0,-2-2 39,2 1 1,1 2-1,-1-1 1,-1-1-51,-1-2 0,-1 1 0,2 3 52,0 0 0,-2-1 18,1 1 0,2 0-21,-2-1 0,2 1-9,1 0 0,0-4 0,1 0-20,2-1 1,-1-1 0,4-3 2,0 0 1,2 3 0,1 0 19,-1-1 0,0 0 0,-1-1 1,-1 2 34,0-1 0,2-1 0,1 0 1,-1 1 30,1 1 0,3 1 0,0-2 0,1 1-31,-1-1 1,3-1-1,-3-1 1,2 0-11,1 0 1,1 0-1,2 0 1,-1 0-3,1 0 0,-1 0 1,0 0-1,1 0 0,-1 0 1,3 0 0,0-1 0,0-1 2,-2-1 0,-1-1 1,2 2-1,-1-1-6,-1 1 0,6 1 1,-6 0-1,1-1-18,0-1 1,0 1 0,0 2 0,1 0-6,2 0 0,-1-1 0,-3-1 1,2-1-18,1 1 1,-2 1 0,2 0 10,-1-2 0,-2 2 0,0-2 1,1 1-1,-1 0 11,0-1 1,1 1-1,-1 2 1,0 0 3,-3 0 1,2 0 0,-2 0 0,0 0-4,1 0 0,-1 0 0,3 0 1,-2 0 3,-1 0 1,1 0-1,2 0 1,1-1-14,-1-2 1,0 2 0,1-2-1,-1 2-7,0 1 0,1-3 0,-2 0 1,0 1-2,-2 1 1,0-2-1,4 0 1,-1 1 4,1-2 1,-4 3 0,0-3 0,1 1 0,-2 0 1,4 0 0,-4 2 0,2-1 1,-1-1 0,-2 1 1,2 1-1,1-1 1,-2-1 0,3 0 0,-4 3 0,2 0-1,1 0 0,-1-3 1,0 0-1,0 1-6,0 1 1,2 1 0,-1-1-1,0-1 3,0-1 1,1 0 0,-2 3 0,2 0 11,-2-3 1,2 2 0,-4-2 0,2 2 3,1 1 0,1-1 1,-1-1-1,0-1 48,0 1 1,-2 1 0,2 0-58,0-2 0,-1 2 0,0-2 1,2 2-1,0 1-5,1 0 1,0-2 0,-2-1 0,0 1-3,0 1 1,2 1 0,0 0 0,0 0-4,1 0 0,-1 0 0,0 0 0,0 0 10,-3 0 0,4 0 0,-2 0 0,-1-1 2,2-2 1,-1 2 0,1-2 0,0 2-1,-3 1 0,3 0 1,-3 0-1,1 0 24,0 0 0,1 0 0,-1 0 0,1 0-12,2 0 0,-4 0 0,0 0 0,1 0-15,-2 0 1,4 0 0,-3 0-1,2 0-2,-2 0 1,4 0 0,-2 0 0,-1 0-4,2 0 1,-1 0-1,1 0 1,0 0-4,-3 0 0,3 0 0,-3 0 0,2 0 1,2 0 1,-4 0-1,1 0 1,0 0 2,2 0 1,-3 0 0,0 0 0,1 0-22,-2 0 1,4 0-1,-3 0 1,2-1 13,-2-2 0,3 2 0,-3-2 0,1 2 8,0 1 1,1 0 0,-2-1-1,0 0 0,1-2 1,-2 0 0,3 3 0,-2 0-4,1 0 1,-1 0 0,-1 0 0,1 0-2,-1 0 0,-1 0 1,1 0-1,1 0 12,-1 0-1,-1 0 1,2 0 0,-2 0-6,-1 0 1,1 0 0,1 0 0,-1 0 14,1 0 0,-2 0 0,-1 0 0,1 0-18,0 0 1,2 0-1,-3 0 1,2 0 0,-2 0 1,3 0-1,-1 0 1,-1 0-2,2 0 0,-4 0 1,4 0-1,-2 0-3,1 0 1,2 0-1,-1 0 1,-1 0 3,1 0 0,0 0 0,-3 0 0,2-1-3,-2-2 1,3 2 0,-1-2 0,1 2 1,-1 1 0,1 0 0,-2 0 0,0 0-22,0 0 0,1 0 1,0 0-1,-2 0-1,0 0 0,2 0 0,-1 0 0,0 0 23,-2 0 0,0 0 1,1 0-1,0 0 2,2 0 1,-1 0 0,-2 0-1,0 0-4,0 0 0,2-1 1,1-1-1,-2-1 9,0 1 1,-1 1 0,0 1-1,3 0 0,-3 0 0,3 0 0,-2 0 0,-2 0-4,1 0 0,3 0 0,-1 0 0,0 0-1,-2 0 0,0 0 1,1 0-1,0 0-10,2 0 1,-1 0 0,-2 0-1,0 0 3,-1 0 1,1 0 0,0 0 0,-1 0-3,1 0 0,0 0 1,-1 0-1,1 0 4,0 0 1,-1 0-1,1 0-4,0 0 1,-1 0 0,1 0-47,0 0 43,0 0 0,-1 0 0,1 0-3,0 0 0,-1 0 0,1 1 10,0 2 1,-1-2 0,1 2 0,0-2-1,-1-1 1,-2 0-1,0 0 1,1 0 16,0 0 0,-1 0 1,0 0-1,0 1-4,-2 2 1,4-2 0,-2 2-8,2-2 0,-3-1 1,1 0-1,0 1-5,-1 2 1,3-2-7,-3 1 1,3-1-1,1 0-22,-1 2 0,-2-2 1,0 2 19,1-2 0,-2 2 0,0 0-6,2-1 0,0 0 0,0 0-2,-2 1 0,1 0 0,3-1-14,-1 1 1,-2 1 0,0-1 36,1 3 0,-2-1 0,-1 0-10,0 2 0,2 1 1,-3 1-1,-1-1 58,-1 1 0,0 0 1,1-1-17,1 1 0,0 3-24,0 3 1,-2-5-1,3-2 1,-1 0-323,0 0 0,1-3 0,-1 1-973,2 1 1283,3-3 0,1 0 0,0-4 0</inkml:trace>
  <inkml:trace contextRef="#ctx0" brushRef="#br0" timeOffset="1579">4563 3800 6754,'-4'5'540,"4"-1"-463,-4-4-61,4 0 0,1 0 0,1-1 42,0-2 1,2-2-1,-2-4 1,2 1 9,1-1 0,-2-3 0,3 0 0,-1-1-15,0 1 1,3-4-1,-2 2 0,1-2-11,2-2 0,0 2 1,-1-1-1,2 1-44,2-2 1,-2-1 0,4 0 0,-1 0 12,1-1 1,0-7 0,3 1-1,1-1-9,-1 0 0,3-2 1,2-2-1,0-2-20,2-3 1,-2 1 0,1 1 0,0 0 22,0-1 0,4-3 0,-1 1 0,1 0 17,0 0 1,2-5-1,1-2 1,1-3-11,2 0 0,0-2 0,-1 3 0,0 0 23,1 2 1,3-2 0,0-2 0,-1 1-9,-1 0 0,4-2 1,-3 2-1,1-2 63,-1-1 1,3 3 0,0 0 0,1 2-43,0 1 1,1-4-1,-1 4 1,-2-3 25,-1 0 0,2-1 0,-4 3 0,1 0-7,1 0 1,5-4 0,-1 0 0,3-2-17,0-1 0,2-3 1,-1 0-1,0 2-35,-1 3 1,-3-1 0,2 4-1,-3 1 27,0 2 1,4-5-1,-2 6 1,1-1 42,0-1 0,1 2 0,0 0 0,0 0-89,1 3 1,-2-2 0,1 4-1,-1-1 44,2 1 0,2-3 0,-3 4 0,-1 0-84,-1 1 0,1 2 1,-2-1-1,-1 1 23,-1 2 0,0 3 0,-2 5 0,-1 1 16,-1-1 1,0 3 0,-5 1 0,-2 2 6,-3 4 1,0-2 0,-3 5-1,-2 0-7,-1 2 0,-4 0 0,-3 0 0,-1 2-88,-1 1 1,-1-1-1,0 3-285,-2-1 0,-2 2-76,-4-2 1,0 2-989,0-3 1441,0 4 0,0-6 0,0 4 0</inkml:trace>
</inkml:ink>
</file>

<file path=ppt/ink/ink26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1:33.820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61 104 8168,'0'-16'-589,"0"1"603,0 3 0,3 6 1,0 0 213,-1-1 0,-1 2 90,-1 0 0,2 2-172,1-3 15,0 4 0,-2-1-45,2 6 0,-2 3 1,2 5-33,-2 4 0,-1 2 1,-1 3-1,-1 4-160,-1 1 0,-4 4 1,2 3-1,-3 1-137,-1-1 1,1 4 0,-1-4-1,0 0 108,1-1 1,2-6-1,1-5 1,1-1-119,2-2 1,1-3-1,1 0 1,1-3-25,2-3 1,-1 0 246,4-5 0,0 3 0,2-1 0</inkml:trace>
  <inkml:trace contextRef="#ctx0" brushRef="#br0" timeOffset="585">269 17 7607,'0'-9'26,"0"5"1,0 1 260,0 6 0,0 2 0,-1 7 0,-1 2-227,-1 3 0,-1 1 0,3 2 0,-3 4-67,-1 1 1,-1 4 0,-2 3 0,1 2-22,-2 1 1,5-2-1,-5 0 1,2-2-118,-1-1 1,2-2 0,1-5 0,2-3 22,1-1 0,-2-3 1,1-2-1,1-2 3,1-2 0,1-2 112,0 1 61,0-4 0,0-5 0,0-6 1,0-2 44,0 0 0,-3-2 0,-1-2 0,0-1-29,1-1 1,-3-2 0,2 3 0,-1-2-5,-2 1 0,3 3 0,-1-1 0,0 3 27,0 0 1,3 3 0,-2 2 178,0 0 1,3 1-10,-5 3-205,4 0 1,5 0-191,5 0 0,4 0 1,-1 0-1,0 0-81,0 0 1,1 0 0,1-1 0,0-1-356,3-1 1,-3 0 0,1 3 567,-2 0 0,4-4 0,-3-1 0</inkml:trace>
  <inkml:trace contextRef="#ctx0" brushRef="#br0" timeOffset="1052">434 130 8271,'0'-5'146,"0"2"1,0 7 83,0 5 1,-3 3 0,0 7 0,1 1-177,1 3 0,-2 5 1,0 3-1,-1 1 33,0 0 0,-2 4 0,3-6 0,1-1-126,1-3 0,1-6 0,0-1 1,0-2-32,0-3 1,3-6-1,1 0 1,1-3 59,2 0 1,-3-3-1,2 0 1,1-4 44,1-4 1,0-2 0,2-4-1,1-2 17,0-3 0,1-3 1,-4-2-1,1-1 47,0-1 0,1-6 0,1 4 0,-2-1-198,-2 0 1,3 1-1,-5 1 1,1 2-103,-1 2 0,-3 7 0,2 2-523,0 3 0,-3 5 724,2 4 0,2 7 0,-1 7 0</inkml:trace>
  <inkml:trace contextRef="#ctx0" brushRef="#br0" timeOffset="1659">816 104 7901,'1'-5'-949,"1"2"1145,4 2 0,2 1 0,1 0 0,-1 0-140,1 0 0,0 1 0,0 1 0,2 2 34,0 1 0,1 0 1,-3 1-1,-1 0-129,1 1 0,-4 1 0,-1 0 0,-1 1 85,0 0 0,-1-1 0,-3 1 0,0 1-9,-2 1 0,-4-1 0,0 2 1,-3 0 43,-1-1 1,-4 4 0,4-3 0,-1 1-22,0 0 1,2 2-1,-2-1 1,0 2-29,1-2 1,0 5 0,4-4-1,1-1 32,0 0 0,2 0 0,1-1 1,2-1 31,1 1 1,1-1-76,2-4 1,2 0 0,3-2 0,2-3 37,1-2 0,0-1 1,3-1-1,-1-1-46,1-1 1,-1-1-1,2 2 1,-1-2-487,-2-1 0,0 3 1,-3 0 472,-1 1 0,5 1 0,0 0 0</inkml:trace>
  <inkml:trace contextRef="#ctx0" brushRef="#br0" timeOffset="2057">798 329 8276,'0'-4'944,"0"0"1,1 4-729,2 0 1,2 1 0,5 1 0,0 1-323,2-2 1,3 1 0,0 0 0,1 1-491,1-1 0,2-1 0,0-1 1,1 0 595,-1 0 0,4-4 0,-1-1 0</inkml:trace>
  <inkml:trace contextRef="#ctx0" brushRef="#br0" timeOffset="2645">1232 95 8256,'0'-5'637,"0"2"1,0 13 0,0 6-745,0 4 0,-1 3 0,-2 4 0,-2 2 129,1 3 1,-4 1 0,2 2 0,-1-1-47,1-2 1,0-2 0,3-5 0,1-2-53,1-3 1,1-5 0,0-1 25,0-2 0,4-1 1,2-5 107,1-3 1,2-3-1,0-3 1,-1-4 34,1-4 0,1-2 0,0-5 0,3-3-11,0-2 1,1-3-1,1-2 1,0-1-31,0 1 1,0-3 0,1 0 0,-3 2-239,0 0 1,1 6-1,-2 4 1,-1 5-293,-2 1 0,-1 2 0,-1 3-766,-2 2 1244,-3 3 0,2 6 0,-4 2 0</inkml:trace>
  <inkml:trace contextRef="#ctx0" brushRef="#br0" timeOffset="2795">1310 468 8182,'0'9'272,"0"0"1,4-4 0,2 1 0,1 1-123,2 1 0,1-1 1,1 0-1,3-1-2243,-1 1 2093,4-4 0,-4 9 0,5-2 0</inkml:trace>
</inkml:ink>
</file>

<file path=ppt/ink/ink26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0:53.485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27 0 7421,'-5'1'443,"2"2"-256,2-2-54,1 3-188,0-4 484,0 0 1,4 0-354,1 0 1,0 0-20,1 0 1,0 0-47,3 0 1,-4 0-1,1 0-9,1 0 1,-2 0 0,0 0 22,2 0 0,-2 3 0,1 0 16,1-1 1,-3-1-31,2-1 0,0 0-11,3 0 0,-4 2 1,1 1-1,1-1 0,-2-1 1,0 0-9,-2 2 0,1-2 0,-2 3 22,1 0 0,3-2-14,-3 3 1,1-2-6,-1 3 0,-3 0-8,3 3 0,-2-1 1,-1 1 0,0-3-3,0 0 1,0-1 1,0 4 0,0 0 0,0-1-29,0 1 1,0-3 0,0 0 2,0 0 1,-3 2-1,1 1-9,0-1 0,1-2 1,0 0-6,-2 1 0,2 0 0,-2 2 37,2 0 0,1-1 1,0 1 13,0 0 0,0-1 0,0 1 4,0 0 1,0-3-1,0-1-7,0 2 1,0-2-1,0 1 22,0 0 1,0 2-1,1 0 19,2-2 1,-2 1-1,3-2-9,0 0 1,-3 2-1,4-3 0,-1 0 0,0-1 1,-2 3-18,1 1 1,3-2 0,-3 0-5,2-2 1,0 4 0,2-2-32,-1 0 0,-3-1 0,1-3 0,1 0 6,0 2 1,-2 0-1,3-2-5,0 2 1,-1-2 0,1 2-13,1-2 0,0-1 0,2 0 16,0 0 0,-3 0 1,-1 0-35,2 0 0,-2 0 29,1 0 0,-4 1 0,1 1 40,1 1 185,-3 0 19,3-3-130,-4 0-16,0 0-60,-4 0-19,-1 0 1,-3 3-29,-1-1 1,3 1 0,2-2 6,0 2 1,-3-2 21,1 2 0,1 1 0,1 0 9,0 1 0,-3-3-3,1 4 1,1-1 0,0 2-1,2-1 1,-1-4 25,1 4 0,1-1 0,-3 2 20,1-1 0,-2-1 1,1 4-14,0 0 0,0-3 0,2-1 36,-3 2 0,2 1-60,-2 0 1,4 1-1,-2-1 1,1-1-23,0-2 1,0-2 0,2 2 0,-1 0 9,0 0 0,-2 0 1,2 4 20,-1 0 1,-1-3 0,2-1 10,-1 2 1,0 1-1,2 0-13,-2-3 1,3 3 0,-3-2-1,2 2 0,1 0 1,0 1-8,0 0 0,0-4 0,0 1 0,0 1-10,0 1 0,0-3 1,0 1-1,-1 1 2,-2 1 0,2 0 0,-2 1 33,2 0 1,1-1 0,0 1-19,0 0 1,0-1 0,0 1 0,0 0 27,0-1 0,0-2 1,0 0-1,-1 1 14,-2 0 1,2-1 0,-3 0 0,1 1 28,1 0 0,-4-1 0,2 0 0,0 1-71,0 0 0,-3 2 0,2-1 0,-3-1-121,-1-2 0,1 1 0,-1 2 0,0-1-90,1-2 1,-1-2 0,0 2-386,1-1 0,2-1-963,0-3 1542,4 0 0,-6 0 0,4 0 0</inkml:trace>
  <inkml:trace contextRef="#ctx0" brushRef="#br0" timeOffset="2360">573 304 6397,'5'-4'-200,"-1"3"50,0-3 252,-3 4 1,2-1 238,-3-2 25,0 2 19,0-3-44,0 4 10,0-3 70,0 2-101,0-3 1,0 3 116,0-2-127,0 2-386,0-3 52,0 4 0,-1 4-8,-1 2 1,1 1 0,-2 2 0,1 0 21,-1 0 0,2 2 0,-3 2 0,1-1-49,0 1 0,-1 1 0,2-1 0,-1 0 35,-2 3 1,3-3 0,-1 2-1,1-1 14,-1-1 0,2 3 0,-2-4 0,2 1-17,1-1 1,0 0 0,1-2 0,1 0-1,1 2 0,4-2 0,-2-3 0,0-1 12,1 1 0,0-1 1,3 0-1,-1-3 19,1-2 0,-3 2 0,0 0 0,0-1 13,2-1 1,0-2-1,-1-2 1,-2-3 44,2-2 1,0 0 0,0-1 0,-3-1-63,0-1 1,2 0-1,-2-3 1,0-2-15,0 0 0,1 0 0,-1-1 0,0 1 0,0-2 0,2-2 0,-3 3 1,0 1-5,0 1 0,-1-3 1,3 3-1,-1 2 7,-2-1 1,2 5 0,-1-3 69,-1 2 0,-1 3 1,2 1 17,-2 2 0,3 5-40,-4 2 0,0 2 1,0 3-22,0 1 1,-3-3 0,0 0-32,1 0 0,2-1-217,0 1 1,0-3-294,0 3-445,0-4-148,0 2 1118,3-4 0,2 0 0,4 0 0</inkml:trace>
  <inkml:trace contextRef="#ctx0" brushRef="#br0" timeOffset="3086">764 356 7620,'0'-9'-241,"0"4"0,0 1 409,0 1 1,-1 2-1,-1-3 98,-1 0 1,-1 3 237,1-2-132,2-2-397,-2 4 1,3-2 41,0 6 0,0 2 0,0 4 0,0 0-19,0-1 0,0 4 1,0 0-1,-1 2-47,-2 1 0,2 4 0,-3 2 0,1-1 6,0 1 1,-1-3 0,2 3-1,-1-3-14,1-1 0,2-2 1,0-2-1,0 1-112,0-1 0,0-2 0,0 1 1,2-3-341,1 0 1,1-1 0,-2 1 508,1 0 0,0 0 0,-3-1 0</inkml:trace>
  <inkml:trace contextRef="#ctx0" brushRef="#br0" timeOffset="3950">894 659 8102,'1'-8'80,"2"-1"1,-2-2 0,2-1 0,-2 0-6,-1 0 0,0-1 0,0-2 1,0 1-72,0-2 1,0-1-1,0-3 1,0-1-95,0-1 1,0 2-1,0-3 1,0 0 94,0 0 0,0 0 0,0 5 1,0 2-63,0-1 0,0 5 0,-1 0 41,-2 2 333,2 6 1,-3-1-139,4 2-173,0 2 0,4-3 3,2 4 0,1 0 0,2 0 7,0 0 0,-1 0 0,1 1 0,0 1-33,-1 1 0,4 0 1,0-3-1,1 1-58,0 2 0,1-2 0,-1 1 0,-1 0-289,1 1 0,1-2 0,-1 2 0,0-2 364,3-1 0,-4 4 0,1 1 0</inkml:trace>
  <inkml:trace contextRef="#ctx0" brushRef="#br0" timeOffset="4292">911 503 7773,'0'5'215,"1"-1"0,2-4 0,3 0-68,2 0 1,1 0 0,2 0 0,1-1-391,2-2 1,-1 2 0,3-2 0,-2 1-253,2-1 1,0 3 494,1-3 0,1-2 0,-1 0 0</inkml:trace>
  <inkml:trace contextRef="#ctx0" brushRef="#br0" timeOffset="4883">1293 512 8962,'9'0'66,"-1"0"1,1 0 0,0 0-223,-1 0 1,2 0 0,1 0 0,0 0-197,0 0 1,1 0-1,0 0 352,-1 0 0,-2-4 0,0-1 0</inkml:trace>
  <inkml:trace contextRef="#ctx0" brushRef="#br0" timeOffset="5959">1553 738 9315,'4'-5'111,"-3"-3"1,3 2 0,-1-1-96,0-2 1,3-3 0,-2 0 0,2-3-29,1-3 0,4 1 1,-3-5-1,1 2-20,1 0 0,1-3 0,-2 2 1,-1-2 20,1-1 1,3 2 0,-1-1 0,-1 0-25,-3 1 1,0 2 0,-2 4 0,1 3 20,0 0 1,-4 2 76,0 2-43,-1 4 0,-1 5 1,-1 6-1,-1 2-39,-4 0 1,1 4 0,0 0 0,1 2 14,2 1 1,-1 4-1,-1 3 1,0-1 1,0 0 1,1 2 0,3-2 0,0 1-1,0-1 1,0-1 0,0-3 0,0 1 7,0-1 0,3 0 0,1-3 0,1-2 2,1-3 1,-1-1 0,1-2 0,1-2-1,0-1 1,2-2 0,0 2 0,-1-3 40,-3-3 0,3-1 0,-2-5 0,1-1 8,-2-1 0,3-2 1,-2-2-1,1 0-53,-2 0 1,3-4 0,-2-3 0,1 0-4,-2-2 0,3 0 1,-3 0-1,1 2-31,-1 0 0,-2-1 0,2 3 0,-1 2-200,-2 2 1,2 1-1,-1 3-189,-1 2 0,0 1-1567,0 3 1986,3 2 0,4 12 0,0 2 0</inkml:trace>
  <inkml:trace contextRef="#ctx0" brushRef="#br0" timeOffset="6757">1935 668 7864,'-4'5'-938,"3"0"874,-2-2 1,2-1 530,1 3-229,0-3 1,0 3 343,0-2-311,0-2 1,1 3-181,2-4 0,1-4 0,3-2 0,-1-2 15,0-4 1,2-1 0,1-2 0,-1 0-120,1-4 0,3 2 1,-1-4-1,0 1-169,-2-1 1,3 0 0,0 2-1,-2-1 137,0 0 0,-2 2 1,1 1-1,0-1 9,-1 1 1,-3 3 0,-1 4-1,-1 2-88,0 2 136,0 4 1,-3-1 0,0 6-1,-1 3 8,-2 2 1,1 4-1,-4 3 1,0 1-13,2 2 1,-4-1-1,3 1 1,-1 2 78,1 0 1,3 2 0,-1-3 0,2-1-20,1-2 0,1-2 1,1-5-1,2-1-119,0-2 1,2-3 0,3-3 0,-1 0-39,1 0 0,3-3 0,0-4 0,1-4 24,-1-3 1,1 0 0,-3 0 0,2-2-29,-1 0 1,-2-1-1,0-1 109,0 1 0,-1 0 1,1-1-1,0 1 1,-2 1 22,-1 1 0,2 0 0,-3 3 269,-1 1-154,4 2 0,-7 5 0,2 4-66,-2 5 1,-1 3-1,-1 4 1,-2 3 9,-3 1 1,2 4 0,-1 1 0,0 2-35,0 1 0,2 1 0,-2 1 0,1-1-83,3-2 0,0 1 0,1-4 0,0 0-462,0-2 1,1-4-1,1 0 1,3-2-172,0-1 1,2-4 651,-4-2 0,3 1 0,-1 3 0</inkml:trace>
  <inkml:trace contextRef="#ctx0" brushRef="#br0" timeOffset="7825">2473 764 8257,'-5'0'1151,"5"-4"-1034,6-2 0,-1 1 0,-1-1 0,1-1-60,0-4 1,1 0 0,2-3 0,1-1-62,0-2 0,2-3 1,2-1-1,-1 0-19,1-1 0,1-1 0,-1 2 0,0-1 32,-1-2 1,3 2 0,-4-1-1,1 2-56,0 2 1,-2-2-1,2 0 1,-1 3 75,-2 3 1,1 0-1,-5 6 1,0 1-54,-2 0 75,2 4 1,-4 1-25,1 6 1,-4 2 0,-1 5 0,-2 0 24,-2 2 0,2 6 1,-1 1-1,1 2-23,0 3 0,-3 1 0,3 2 1,1 1-9,1 1 0,-1 2 0,1-3 1,1-2-167,1-1 1,1-1 0,0-5 0,0 0 38,0-2 1,3-1 0,0-4 0,0-2 24,1 0 0,-4-1 154,3-1-26,-2-3 0,-1-2-18,0-6 0,-4-1 0,0-3 1,-2 2-8,0-2 1,0-2 0,-3-1 0,-2-2-11,0 2 0,-1-3 0,2 0 0,0 1 27,-2-1 1,1 2-1,2 2 1,0 1 260,1 3 0,2-3-136,0 2 1,4 1-59,-1 0 0,6 3 0,3-1 0,3 2-56,2 1 0,2 0 0,2 0 0,-1 0-192,2 0 1,3-3 0,1 0 0,0 1-668,-2 1 1,-1 0 0,1-1 808,-1-1 0,0 0 0,1 3 0</inkml:trace>
</inkml:ink>
</file>

<file path=ppt/ink/ink26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1:11.079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0 61 7601,'0'5'-260,"0"-1"1,1-4 336,2 0 1,-2 1 98,2 2 43,-2-2-142,-1 2 0,1-2-42,2 2 1,-2-1 0,3 3 15,-1-1-31,-2 3 0,6-3-12,-4 5 1,4-3 11,-2 0 1,0-4 0,0 2-50,-1-1 0,3-2 0,-2 3 9,-1 0 0,4-3 0,-3 3 13,0 0 1,0-3 0,-3 2 3,4-2 0,-1 1 0,1 1 2,1-1 1,-4 0-1,1 0 6,0 1 0,1 1-6,4-1 0,-1-2 0,0 3-1,-2-1 0,2-2-21,-3 2 1,0-2 0,0 0 0,0 1 19,0 1 0,-3 0 0,4-3-8,1 0 0,-2 0 0,1 1-1,0 2 0,-1-2 0,1 2 0,1-2 1,-2 0-1,0 0 7,2 2 0,-2 0 0,1-3 1,0 0 0,-1 0 0,0 1 0,0 1-4,0 1 0,0 0 1,4-3 1,0 0 0,-3 0 0,-1 0 8,2 0 0,1 0 1,0 0-1,1 0 0,0 0-1,0 0 0,-1-3 10,1 0 1,0 0-5,-1 3 0,1 0-5,0 0 0,-1 0 0,1 0 1,0 0 8,-1 0 1,1 0 0,0 0 2,-1 0 1,-2 0-1,0 0-11,1 0 0,-3 0 29,2 0 1,0 0 0,3 0 0,-1 0-23,1 0 1,-3 0-1,0 0-8,0 0 0,-1 0 4,1 0 1,0 0 23,2 0 1,-2 0 0,0 0 18,1 0 1,-2 1-19,0 2 0,1-2-33,3 2 0,-1-2 1,1-1 0,0 1 15,-1 2 1,-2-2 46,0 2 0,0-2-47,2-1 0,-2 0 1,0 0-9,1 0 1,-2 0 0,0 0-5,2 0 1,-2 0-1,1 0 24,0 0 1,-1 0 0,1 0-5,1 0 0,-2 0 0,0 0-10,2 0 1,-2 0 0,1 0-25,1 0 0,0 0 6,2 0 0,0 0 0,-1 0 1,1 0 1,0 0 0,-2-1-1,0-1 24,-1-1 0,0 0 0,2 3 21,1 0 1,0 0 0,-1 0 1,1 0 1,0 0 0,-1 0-24,1 0 1,-3 0-1,0 0 1,0 0-7,2 0 0,1 0 0,-1 0-15,1 0 0,0 0 0,-1 0 0,1 0-10,0 0 1,-1 1 0,1 1 8,0 1 1,-1 0-1,1-3 2,0 0 0,0 1 1,-1 0-1,1 2-10,0-1 0,-1-1 1,1-1-1,0 0 0,-1 0 0,1 0 0,0 0 0,-1 0 12,1 0 1,0 0-1,-1 0 1,1 0 13,0 0 0,-1 0 0,1 0 0,0 0 5,-1 0 0,1 0 0,0 0 0,-1 0-13,1 0 1,0-1 0,-1-1-1,1-1-8,0 2 0,-1 0 1,1 1-1,0 0 3,-1 0 1,1 0 0,0 0 0,-2-1-13,-1-2 1,2 2-1,-2-2 1,1 2 11,2 1 1,0 0 0,0 0 0,-1 0 0,1 0 0,-3-1 0,-1-1 0,2-1-3,1 1 1,1 1 0,-1 1 0,1 0 1,0 0 0,-1-1 1,1-1-5,0-1 1,-1 1 0,1 2-2,0 0 1,-1-3-1,1 0 1,0 1 2,-1 1 0,1 1 0,0 0 3,-1 0 0,1 0 0,0 0 16,-1 0 0,1 0 1,0 0 12,-1 0 1,1 0 0,0 0-26,-1 0 0,1 0 0,0 0 0,-1 0-4,1 0 0,-3 0 0,0 0 0,0 0-2,2 0 1,-2 0 0,0 0 0,0 0-5,2 0 1,-2 0 0,0 0 0,0 1 3,-2 2 0,4-2 0,-2 2-20,2-2 0,0 1 1,1 1 14,0-1 0,-1 2 0,1 0 0,0 1 0,-1-3 1,1 2 5,0-1 0,-1 1 0,0 3 0,-1-2-1,-1-1 1,-1 2 0,4 0 0,0 1 0,-1 0-2,1-1 0,-3-2 0,-1 3 0,-2-1 0,3-3 0,-2 3-15,1 0 1,-2 1 0,2 0-19,-2-1 1,3-4 0,-3 4-7,-1 1 0,2-2-10,-1 1 0,1-2-72,-1 2 34,-2 2 64,6-7 0,-5 3 0,3-5 6,-1-2 1,0 1 0,-2-4 16,1-1 1,0 0-1,-1-2 1,1 0 14,-1 1 0,-1-1 0,0 0-7,2 1 0,-2 2 1,2 0-6,-2-1 0,2 0 0,1-1-2,0 2 1,-1 1 11,3 2 0,-3 2 1,2-2 31,-1-1 0,2 3-20,0-2 1,2 2 0,1 1-4,-1 0 0,-2 0 0,0 0-30,0 0 0,2 0 0,1 0 0,0 0 7,-1 0 0,-2 0 0,0 0 1,1 0-19,0 0 0,2 0 0,0 0 17,-1 0 1,1 0 0,0 0-1,-1 0 8,1 0 0,0 0 0,-1 0 0,1 0 13,0 0 1,-1 0 0,1 0 0,0 0-14,-1 0 0,4 0 0,0 0 0,-2 0-1,0 0 0,-2 0 0,1 0 1,0 0-1,-1 0 1,5 0 0,0 0 36,1 0 0,-2 0 0,-3 0 0,0 0-12,0 0 0,-1 0 1,2 0-1,0 0-8,2 0 1,0 0 0,-4 0 0,2 0-1,1 0 0,-1 0 0,2 0 1,-2 0-13,2 0 1,-3 0 0,4 0 0,-1 0-11,-1 0 0,4 0 0,-4 0 0,1 0-13,0 0 1,-2 0 0,2 0 0,0 0 12,0 0 0,-1 0 1,-1-1-1,0-1 12,2-1 0,0 0 1,-1 3-1,1 0 22,-2 0 1,0-1 0,-1-1-1,2-1-4,1 2 1,-1 0-1,-2 1 1,0 0-25,-1 0 0,1-3 0,0 0 0,-1 1-2,1 1 0,0 1 1,-1 0-1,1-1 7,0-2 1,-1 2 0,2-2 0,1 2 3,0 1 1,1-1 0,-4-1 0,1-1-9,0 2 1,-1 0 0,1 1 0,0 0-8,-1 0 0,1 0 0,0 0 0,-1 0 3,1 0 1,0 0 0,-1 0 0,1 0 16,0 0 1,-1 0 0,1 0 0,0 0-11,0 0 1,-1 0 0,1 0 0,0 0-3,-1 0 1,1 0 0,0 0-20,-1 0 1,4 0 0,-1 0 12,0 0 1,-1 0 0,-2 0-8,1 0 1,0 0 0,-1 0 9,1 0 0,0 0 1,-1 0-6,1 0 1,0 0-1,-1 0 1,1 0 1,0 0 1,-4 0 0,1 0-1,1 0-1,1 0 0,-2 0 1,-1 0-1,2 0 8,1 0 1,0 0 0,1 1 7,0 1 1,-1-1 0,1 2-8,0-2 1,-1-1 0,1 1-1,0 1-6,0 1 0,-1 0 0,1-3 12,0 0 1,-1 3 0,1 0-1,0-1 1,-1-1 1,1-1 0,0 0 0,-1 0-12,1 0 1,0 0-1,-1 0 1,1 0-28,0 0 1,-1 0 0,1 0 0,0 0 6,-1 0 0,1-3 0,0-1 0,-1 0 2,1 0 1,0-2-1,-1 3 1,1-2 1,0-2 0,-2-1 1,0 1-1,-1 0-2,1 1 1,0-3 0,2-2 0,0-1-11,-1 0 1,0 1-1,-1-2 1,-1-1-29,0 1 1,2 2 0,1-1-1,-1 4-45,1 2 1,-3-1-1,0 3-137,0 0 1,2-1-1,1-1 232,0 3 0,-1-2 0,1 0 0</inkml:trace>
  <inkml:trace contextRef="#ctx0" brushRef="#br0" timeOffset="2047">2073 417 7226,'0'6'304,"0"-1"1,0 1 0,0 3-215,0-1 0,0 1 0,0 0-128,0-1 1,0 1 0,0 0 0,1 0 50,2-1 0,-2 1 0,2 0 1,-2 0-30,-1 3 1,0-3 0,1 4 0,1-2 4,1 1 0,0 3 0,-3 0 0,0 0-18,0 0 0,0 3 1,0-2-1,0-1-28,0 1 0,0 4 0,0 0 1,0-1 38,0-1 0,3 0 0,0-1 1,-2 1 22,0-1 0,-1 3 0,0 0 1,0 0 13,0-2 1,3 2 0,0 1 0,-1 2 82,-1 1 1,-1-2 0,0 1 0,0 0-25,0-1 0,3 3 0,0-3 1,-1 2-13,-1-1 1,0-1 0,1 2-1,1-1-5,-2 1 1,1 0 0,0 0 0,1-1-5,-1-2 1,0 3 0,0-1 0,1 2-40,-1 1 0,-1-1 0,-1 0 0,1 0 17,2 2 0,-2 3 0,2-2 1,-3-1 14,0 1 0,0 0 0,0-1 0,0 1 7,0 1 1,0 0-1,0-2 1,0 1-1,0 1 1,0 0 0,0-2-1,0 0-55,0 2 1,3 1-1,0-2 1,-1 2-3,-1 1 0,2-3 0,0 2 0,-1-2 4,-1-2 1,-1 2 0,1-6 0,1 1-7,1 0 0,0-1 1,-1 1-1,1-1-1,-1-1 1,2-3 0,-1 3 0,-1 0 18,-1-1 0,2 4 1,0-2-1,-1 0 9,-1-1 0,1 3 0,1 0 1,-1 0-14,-1 1 1,-1-3 0,0 0 0,0 0 11,0 1 1,0-4 0,0 1 0,0-2-14,0 0 0,0 2 1,0 0-1,1 0-22,2 2 1,-2-4 0,3 3-1,-1-1 5,0 1 0,0 2 1,-3-2-1,0 0 15,0 0 0,2 0 0,1-3 0,-1 1-12,-1 1 0,2 1 0,0-3 0,-1 1 58,-1 2 1,-1-1-1,0-2 1,1 1-49,2 2 1,-2 1 0,2-3-1,-2-1-5,-1 2 0,2 2 1,1-1-1,-1 0 12,-1 0 0,2 0 1,1-4-1,0 1-1,0 3 0,1-3 1,-1 3-1,1-1-7,2 1 1,-2 2-1,1-1 1,0 2 0,2 3 0,1 4 0,-1-2 0,0-1 1,-2-1 0,4 1 0,-1-1 0,1-2 16,-1 0 1,3-4-1,0-1 1,2-2-203,1-4 0,1 1 0,0-2 1,0-1-206,-1-3 0,3 1 0,-2-6 1,2 0 382,2-1 0,1 4 0,-4-2 0</inkml:trace>
</inkml:ink>
</file>

<file path=ppt/ink/ink26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1:15.068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53 183 6723,'0'6'224,"0"-1"-121,0 2 0,0 1 1,0 0-1,0 2-42,0 2 0,0-2 0,0 5 1,0 0 35,0 2 0,0 3 0,0 1 1,0 1-62,0 2 0,0-2 1,-1 1-1,-1-1-129,-1 0 0,0-6 1,3 2-1,0-3-11,0-1 0,0-5 0,0-3 52,0 1 1,0-2-12,0 0 1,0-4 38,0-1 1,-3-1-1,0-4 1,1-2 18,1-1 0,1-1 1,0 1-1,0-2 44,0-1 0,-2-2 1,-1-3-1,1-1 43,1-1 1,1-1 0,0 0 0,-1-1 27,-2-3 0,2 1 0,-2-1 0,1 0-58,-1 0 1,2-1-1,-3 4 1,2 1 60,-1 0 1,0 3-1,3 2 1,0 2 64,0 2 1,0 2-1,0-1-105,0 0 1,1 4 0,2-1-101,2-1 0,3 2 0,1 0 45,-1 2 1,4 0 0,0 3-1,-2 0-81,0 0 1,-1 0 0,0 1 0,2 2 50,0 2 0,1 4 0,-3 2 0,-2 0-2,-1 0 0,1 2 1,-3 2-1,0 0 12,-1 0 0,0 1 1,-3-2-1,0 2 60,0-2 0,-1 3 0,-2-4 0,-1 2-53,-1-1 0,-5 0 0,2 1 0,0-1-21,-3-2 1,1 3 0,1-4-1,0 0-19,1-2 0,-1 0 0,1 0 1,1-1 24,2 1 1,3 0 0,-2-1 0,1 1 6,0 0 0,0-1 0,4 2 0,1 1 5,1 0 1,4 1-1,-2-5 1,4 0-63,3-1 0,-2-1 0,4 1 0,-2-3-107,-1 1 0,2-3 0,1 3 0,0-1-348,1 0 0,-4 3 515,4-3 0,-5 3 0,3-1 0</inkml:trace>
  <inkml:trace contextRef="#ctx0" brushRef="#br0" timeOffset="568">374 443 8061,'8'-4'95,"-2"3"1,-1-3 0,0 1-18,0 1 0,-3-2 1,1 2 46,1-1 0,-3-4-162,2 1 0,-3 3 0,-3 0 4,-2 2 0,-3 1 0,-1 0 0,0 0-5,1 0 1,-4 3 0,1 0 0,0 2 35,1 2 0,-1 2 0,-1 1 0,3 2-4,2-2 1,-1 0-1,3-1 1,1-1 26,1 1 0,2 3 0,1-1 0,0 0 8,0-2 1,4-3 0,1 0 0,4 0-12,3-1 1,1-2 0,4-3 0,1 0-224,-1-3 1,3-2 0,2-4-1,-1 0-49,0 1 1,2-1 253,-3 0 0,4 1 0,-1-1 0</inkml:trace>
  <inkml:trace contextRef="#ctx0" brushRef="#br0" timeOffset="1297">591 426 7238,'0'8'93,"0"1"0,0 3 0,0 0 1,0 2-18,0 1 0,0 4 0,0 3 1,0 2-29,0 0 1,0 6 0,0-5 0,0-1-85,0-3 0,0-1 1,0-1-1,0-4-7,0-2 1,0-1-13,0-3 1,0-5-61,0-4 0,0-8 1,0-7-1,0-1 85,0-1 0,0-4 1,0 0-1,0-1 18,0-2 1,0 2-1,0-1 1,1-1-24,2 2 0,-3-5 0,4 4 1,-1 2 97,0 2 0,3 2 0,-3 3 1,0 1 78,1 1 0,-3 2 0,5 0 0,0 2-43,-1 2 0,3 4 0,-3-1-61,3 2 0,1 1 1,-1 0-1,1 1-22,0 2 1,-2-1-1,0 4 1,-2 1-16,-1 0 1,2-1 0,-3 0 0,-2 1 13,0 0 0,-1 2 0,-1 0 0,-1-1 6,-4 1 0,-2 0 1,-1-2-1,0 0-143,-3-1 0,3-3 1,-3 2-1,2-1-15,2-3 1,-1 0-1,1-2 56,3-1 1,-2-3 0,4-4 0,1 0-178,1 1 1,2-1 0,2 0-1,3 1 258,1-1 0,2 3 0,1 1 0,0 2 0,2 1 0,3-3 0,-1 0 0</inkml:trace>
  <inkml:trace contextRef="#ctx0" brushRef="#br0" timeOffset="1644">842 391 8136,'-6'1'-51,"1"2"0,2-1 0,-2 4 151,1 0 1,-2-1 0,3 1 124,1 1 0,2 0-111,0 2 0,0-3-216,0 0 1,3-5 88,3-1 1,-1-1 0,1-5 0,0-1-13,-2-1 0,4 0 0,-1-1 0,2 0-192,3 1-1,0 0 1,-4 1 0,1 1-82,0 0 0,2 2 1,1 1-1,-2 2 299,0 1 0,-1 0 0,3 0 0,2 0 0</inkml:trace>
  <inkml:trace contextRef="#ctx0" brushRef="#br0" timeOffset="2019">1068 391 8136,'0'-9'-185,"0"4"1,-1 0 285,-2 1 0,1-2 48,-4 3 1,0-1 0,-2 2-112,-1-1 0,3 2 0,1 3-32,-2 4 0,2 1 0,0 0 0,1-1 20,2 0 1,1 2 0,1 1 0,0-1-31,0 1 1,0 0 0,1-1-48,2 1 1,2-1 0,4-2 0,-1-1-91,1-1 1,0-1-1,-1-3 1,1 0 80,0 0 0,-1 0 0,1-1 0,0-1 23,-1-1 0,-2-4 1,-1-1-1,-1-3-11,-2 1 1,-1-3 0,-1 2 0,0-1 59,0-1 1,-1 4-1,-2-3 1,-2 3-61,0 0 1,-2 3 0,1 1-1,-2 1-255,-1 3 1,1 0 0,0 2 302,2 1 0,0 3 0,3 4 0,-4 3 0,2 2 0</inkml:trace>
  <inkml:trace contextRef="#ctx0" brushRef="#br0" timeOffset="2730">1354 348 8207,'-9'-4'0,"4"3"0,-1-2 186,-1 2 1,-1 1-1,0 0-89,-1 0 0,0 0 0,1 0 0,-1 1-75,0 2 0,1-2 0,-1 3 0,1-1 13,2 3 1,0-1 0,2 1 12,-1 1 1,3 0 0,-1 2-174,2 0 0,1-4 0,1 0 47,2-1 1,1 0 0,3-2 0,-2 1 43,2-1 0,4 0 0,0 0 0,0 0 3,-1 0 1,1 3-1,1 1 1,-2 1 9,0-1 0,-1 4 0,-1 0 0,0 1 12,-2 2 1,-2 2 0,-4 0-1,0 1 68,0 1 1,0 1-1,-1 0 1,-1 1-26,-1 2 1,-4-2-1,1-4 1,-1-1-23,-2-2 0,0 3 0,1-5 0,-1-2-3,0-4 0,1 0 0,-1-2-18,0-3 0,1-4 0,-1-7 0,1-1-54,2-1 1,0-5 0,3 2-1,1-1 9,1-1 1,-2 0 0,0 1 0,1 2-90,1 3 0,4-2 1,1 4-1,1 0-8,2 1 0,0 3 0,2 0 0,1 1-29,1-1 0,0 3 0,3-1 0,1 0-364,-2 0 544,4 3 0,-4-5 0,4 2 0</inkml:trace>
  <inkml:trace contextRef="#ctx0" brushRef="#br0" timeOffset="3323">1562 365 8228,'-4'-5'-218,"3"0"0,-2 3-84,-1-1 0,2-2 648,-4 2 0,3-3 198,-3 3-481,4 0 1,-1 7-1,3 2 1,0 2-74,0 0 0,0 1 0,0 1 1,0 0-2,0 2 1,0 2 0,0-2 0,0-2 48,0 0 1,1-2 0,0-2-10,2 0 1,1-4 0,-1 0 13,3-4 0,-1-3 1,0-3-1,2-2-76,1-2 1,0 3-1,-2-3 1,0 3-89,1 0 0,0 0 0,-1 2 0,0 0-170,1 1 0,1 4 0,0-1-105,1 2 0,0 1 396,-1 0 0,5 0 0,0 0 0</inkml:trace>
  <inkml:trace contextRef="#ctx0" brushRef="#br0" timeOffset="3746">1875 330 7993,'-6'-3'0,"0"0"-238,-1 2 1,2 0 0,0 1 357,-2 0 0,2 0 1,-1 0-1,0 0 89,-2 0 1,2 0 0,0 0-1,0 1-102,2 1 0,-3 0 0,3 4 0,0 1-41,0 1 1,-1 0 0,2 2-1,1 1-72,1 0 0,1 1 0,0-3 0,1 1-79,2-1 1,-1 1 0,3-5 0,2 1-52,1 0 0,0-4 0,1 0 0,1-1 34,1-1 0,-1-3 0,2 0 1,-3-2 21,0-2 1,1-1 0,0 0-1,-2-1-5,0 0 0,-1 1 1,2-1 85,0 0 0,-5 4 142,-1-1 1,-2 5 0,-1 1-23,0 5 1,-1 2 0,-1 2-1,-1 0-29,2-1 0,0 1 0,1 0-316,0-1 0,1 0-561,1-2 0,3-2 785,4-4 0,0 0 0,-1 0 0</inkml:trace>
  <inkml:trace contextRef="#ctx0" brushRef="#br0" timeOffset="4405">2048 339 8753,'0'9'167,"0"-1"1,0 1-1,0 0 1,0-1-72,0 1 0,0 0 0,1-1-152,2 1 0,2-1 34,3-3 0,1-1 0,0-4-88,-1 0 0,-2-1 0,-1-2 1,0-2 11,0-3 0,0-1 1,3 1-1,-1 0 92,-1 2 0,-1-2 18,4 3 0,-3 1 35,0 1 0,-4 3 0,1 3 0,-3 3 102,0 1 1,0 2-1,0 0 1,0-1-31,0 1 0,0 0 1,1-2-122,2-1 0,-1-2 1,4-4-92,1 0 1,0-1 0,2-1 37,0-1 0,-1-4 0,-2 2 0,0-3 36,1-1 0,1 2 1,0 0-1,1 1 10,0-1 0,-1 0 0,1-2 0,0 1 2,-1 2 1,-2 0-1,0 3 82,1 1 0,0 1 436,2 1-354,0 0 1,-2 4 0,-1 2-78,-3 1 0,-2 2 1,-1 0-1,0-1-198,0 1 0,0-3 0,1 0-178,2 0 1,-2-1 0,3 0 0,0-1-1668,1-2 1963,3-1 0,1-5 0,-1-1 0</inkml:trace>
  <inkml:trace contextRef="#ctx0" brushRef="#br0" timeOffset="5554">2525 348 6943,'0'-5'-230,"0"0"845,0 2-172,0 2-195,0-3 1,-3 5-169,0 2 1,0-1 0,3 4-99,0 1 0,0 0 1,0 2-1,0 0 50,0-1 1,0 1 0,0 0-21,0-1 0,3 1 0,1-1 10,1-3 0,1-1 0,2-4 0,1 0-127,0 0 0,0-1 0,-1-1 0,1-1 10,0-2 0,-4-1 0,1-3 0,1 2 50,1 1 0,0-2 55,1 2 1,-3 2 143,-1 2 128,-3 1 0,2 4 0,-4 3-175,0 2 0,0-2 0,0 0-34,0 0 1,0-1-50,0 1 0,4-4 1,2 1-124,2-2 1,0-1-1,1-1 1,0-1 37,-1-1 0,1-4 1,1 2-1,0 0 31,2-1 1,-1 1 0,-2-2 37,0 1 1,-1 4 14,1 0 0,-4 2 182,-2 2 0,-2 3 0,-1 4-145,0 0 1,0-1 0,0 1-368,0 0 1,1-4-1,2 0-756,2-1 1063,-1-1 0,8-7 0,-3-1 0</inkml:trace>
  <inkml:trace contextRef="#ctx0" brushRef="#br0" timeOffset="5746">2976 382 8205,'-6'8'137,"1"-2"1,3 2 0,-1-3 0,2 3-213,1 1 0,0-4-270,0 1 0,1-4 1,1 0 256,1-4 0,2-6 88,-2-3 0,4-8 0,-2 0 0</inkml:trace>
  <inkml:trace contextRef="#ctx0" brushRef="#br0" timeOffset="5913">2976 1 8205,'-12'0'1262,"5"1"-1032,-2 1 0,3 0 0,0 3 0,1 0 0,0 0 345,0 2 1,3 1-1046,-1 4 1,5-3-1,2 3 1,1-2-615,2-2 0,1 1 1084,0 0 0,5 3 0,0 2 0</inkml:trace>
  <inkml:trace contextRef="#ctx0" brushRef="#br0" timeOffset="6424">3089 339 8412,'0'9'374,"0"0"1,0 2-410,0 0 1,0 4-1,0-3 1,0 1 83,0-1 1,0 0-1,0-3 1,1-1-54,2 1 1,-1-3 0,4-1-72,0-1 0,2-2 1,1-3-1,-1-1-13,1-4 0,0-2 0,0-2 0,2 0-97,1-2 1,-1 1 0,-2 2 0,-2 0 210,-1 1 0,2 2 0,-2 1 74,1 1 0,-2 2 0,-2 5 12,-2 3 0,-1 2 0,0 0 0,0 1-67,0 0 0,0-1 1,0 1-221,0 0 1,1-2 0,1 0-118,1-1 0,4-4 1,-2 1-1,3-2 292,1-1 0,0-8 0,-1-2 0</inkml:trace>
  <inkml:trace contextRef="#ctx0" brushRef="#br0" timeOffset="6888">3505 322 8228,'-5'-3'197,"-1"0"1,3 0-1,-3 2-71,-1-2 1,3 2 0,-2-2-143,-1 2 0,0 2 0,1 2 1,0 2 98,-1 0 0,-1 5 0,0-1 0,-1 1 5,0-1 0,3 3 0,2-1 0,0 0-136,2-1 0,1 1 0,1 1 0,0-2-94,0 0 1,4-1 0,3-1-1,2 2 53,3 2 1,-1-3 0,-1 3-1,1-2-139,0 2 0,4-1 0,-4 2 0,1 1 192,0-1 1,-3-1 0,1 1 0,-5 1-5,-1-1 1,-1 1 0,-3 1 0,0-2 210,0 0 0,-1-1 0,-2-4 0,-3 1-26,-1 0 0,-5-2 1,0-1-1,-1-3-53,1-2 1,-4-1-1,2-1 266,-3-2-252,0-2 0,1-3 0,0-2 0,3-2-77,0-2 0,0-5 0,3-3 0,2 1-244,1 0 1,3 2 0,1 3 0,2 3 131,1 0 1,7 2-1,2 2 1,5 0 0,4 1 0,3-3 0,6 1 0,1 0-183,1-1 265,4 1 0,2-3 0,4 0 0</inkml:trace>
</inkml:ink>
</file>

<file path=ppt/ink/ink26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1:30.987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35 4277 7563,'-9'0'-25,"4"0"423,-1 0-44,4 0-157,-2 0-170,0 0 1,3-1-18,-2-2 0,2-2-62,1-3 0,3-1 0,1 0 55,1 1 0,-2-1 0,2 0 8,-1 1 0,1-1 1,-1 0 15,1 1 0,0-1 0,2 0 1,-2 1-16,2-1 1,0 0-1,0 1 1,-2 0-21,2 2 0,-2-2 0,0 3 1,0-2 16,-1 1 1,2-2-1,2 3 16,-2-3 0,0 2 0,-2 1-3,1 2 0,1-3 1,2 2-1,-2 0 0,0 0 0,0-3 0,3 3-5,-1-1 1,1-3-1,0 3 1,-1-1-10,1 1 0,0 0 1,-1-2-1,1 2 13,0 1 0,-1-1 1,1 1-1,0 0-4,-1 0 1,1-2 0,0 2 0,-1 1-8,1-1 0,0-2 1,-1 3-1,1 0 10,0-1 0,-1 2 0,1-2 1,0 0-13,-1 2 0,2-2 0,1 1 0,0 1 1,0 1 0,1-2 1,1 0-1,-1 1-5,1 1 1,1-1 0,-1-1 0,0 1-12,-1 1 0,3-2 1,-1 0-1,0 0 20,1-1 0,-2 3 1,3-3-1,-2 2 19,2-1 0,-1 0 0,1 2 0,-2-1-15,1-1 1,-1 0 0,0 3-1,1 0-4,-2 0 1,4 0 0,-3 0-1,3 0-10,0 0 0,-1-1 1,1-1-1,-1-1-1,2 1 0,1 1 0,-3 1 0,0 0 4,3 0 1,-1 0 0,-3 0-1,0 0 1,0 0 1,2 0 0,0 0 0,0 0-8,1 0 0,-1 0 0,0 0 0,0 0 18,-3 0 1,3 0 0,-3 0 0,3 0-11,0 0 1,-1 0 0,0 0 0,-2 0-6,2 0 1,-1 0 0,0 1 0,0 1-10,0 1 1,2 0 0,0-3-1,0 0 4,1 0 0,-2 0 0,0 0 1,-2 0-2,1 0 1,-1 0 0,0 1-1,2 1 2,0 1 0,-1 0 0,-1-3 0,1 1 15,-2 2 1,2-2 0,-2 1-1,0 0 0,-1 1 0,3-2 1,-3 3-1,1-1-13,-1 0 0,3 0 0,-3-2 0,1 1 5,-1 1 1,3 0 0,-3-1 0,1 1-5,-1-1 1,3 0 0,-3 0-1,2 1-12,1-1 0,-1 2 1,0-1-1,1-1 9,-2-2 0,1 3 1,-4 1-1,2 0 9,-2 0 0,3 0 0,-1-2 0,1 1 2,-1-1 0,3 1 1,-3 0-1,1-1-3,-1-1 1,3 2 0,-3 0 0,1-1-7,0-1 0,-1-1 0,-1 1 0,0 1 1,0 1 0,1 0 0,0-3 0,-1 0-4,2 0 1,-3 0-1,2 0 1,0 0 6,-1 0 0,4 2 1,-3 1-1,1-1 24,-1-1 1,3-1-1,-3 0 1,2 0-2,1 0 1,-1 0 0,0 1 0,1 1-12,-2 1 1,4 0 0,-4-3 0,2 0-2,-1 0 1,-1 0 0,4 0 0,-2 0-19,1 0 0,1-3 0,-4 0 1,-1 1-1,1 1 1,2 1 0,-1-1 0,0-1 2,0-1 0,-2 1 0,2 2 1,-1 0 3,1 0 1,-3-3 0,4 0 0,-1 0-4,-1-1 1,4 3 0,-3-2 0,3 1-7,0-1 0,-1 2 0,0-2 1,-2 3 14,2 0 0,-1 0 1,1 0-1,-2 0 15,1 0 1,2 0 0,0 0 0,0 0-4,-3 0 1,2 0 0,-1 0 0,1 0-18,2 0 1,-2 0 0,-1 0 0,0 0-11,0 0 1,2 0 0,0 0 0,0 0 15,1 0 0,-2 0 1,1 0-1,-2 0-4,0 0 1,6 0 0,-5 0 0,0 0-4,1 0 0,1 2 1,-3 1-1,1-1-11,1-1 1,1-1-1,-1 0 1,0 1 2,1 2 1,-1-2 0,0 2 0,0-2 0,-3-1 0,3 1 0,-3 1 0,1 1 0,0-1 1,1-1 0,-1-1 0,0 0 1,0 0 0,1 0 0,-2 1 0,0 0 11,0 2 0,0 0 0,1-3 0,0 0-10,0 0 0,1 0 0,-1 0 0,-1 0-3,-2 0 1,5 0 0,-1 0-1,-2 0-7,0 0 1,0 1 0,-1 1-1,-1 1-1,1-1 1,1-1 0,-2-1 0,-1 0 3,-2 0 1,3 0 0,-1 0-1,0 0 2,-1 0 0,1 1 0,1 1 1,-1 1 2,2-1 0,-4-1 1,3-1-1,-1 0-8,0 0 0,-1 0 0,1 0 0,0 0-10,0 0 1,-1 0 0,2 0-1,-3 0 14,0 0 0,3 0 0,-1 0 1,0 0-3,-2 0 1,0 0-1,0 0 1,-1 0-1,1 0 1,3-3 0,-1 0 0,0 1 3,-2 1 0,0-2 1,0 0-1,-1 1-13,1 1 1,-3-2-1,0 0 1,0 1-10,2-2 0,1 3 1,0-3-1,-2 0 9,-1-2 0,2 1 0,-2 0 0,1-2 12,2-1 0,0 2 0,-1 1 0,0-2-1,-2-1 0,1 2 1,-1 1-33,2-2 0,1 0 0,-2 0-4,-1 2 0,2 2 23,-2-3 1,-2 1-1,1-2 99,-1 2 2,-1 3 1,-4-2-19,-2 4-34,2 0 1,-4 0-167,2 0 1,3 1-20,-3 2 1,2 1 148,1 5 0,0 0 0,-1-2-22,-2-1 1,2 2 0,-2-2 39,2 1 1,1 2-1,-1-1 1,-1-1-51,-1-2 0,-1 1 0,2 3 52,0 0 0,-2-1 18,1 1 0,2 0-21,-2-1 0,2 1-9,1 0 0,0-4 0,1 0-20,2-1 1,-1-1 0,4-3 2,0 0 1,2 3 0,1 0 19,-1-1 0,0 0 0,-1-1 1,-1 2 34,0-1 0,2-1 0,1 0 1,-1 1 30,1 1 0,3 1 0,0-2 0,1 1-31,-1-1 1,3-1-1,-3-1 1,2 0-11,1 0 1,1 0-1,2 0 1,-1 0-3,1 0 0,-1 0 1,0 0-1,1 0 0,-1 0 1,3 0 0,0-1 0,0-1 2,-2-1 0,-1-1 1,2 2-1,-1-1-6,-1 1 0,6 1 1,-6 0-1,1-1-18,0-1 1,0 1 0,0 2 0,1 0-6,2 0 0,-1-1 0,-3-1 1,2-1-18,1 1 1,-2 1 0,2 0 10,-1-2 0,-2 2 0,0-2 1,1 1-1,-1 0 11,0-1 1,1 1-1,-1 2 1,0 0 3,-3 0 1,2 0 0,-2 0 0,0 0-4,1 0 0,-1 0 0,3 0 1,-2 0 3,-1 0 1,1 0-1,2 0 1,1-1-14,-1-2 1,0 2 0,1-2-1,-1 2-7,0 1 0,1-3 0,-2 0 1,0 1-2,-2 1 1,0-2-1,4 0 1,-1 1 4,1-2 1,-4 3 0,0-3 0,1 1 0,-2 0 1,4 0 0,-4 2 0,2-1 1,-1-1 0,-2 1 1,2 1-1,1-1 1,-2-1 0,3 0 0,-4 3 0,2 0-1,1 0 0,-1-3 1,0 0-1,0 1-6,0 1 1,2 1 0,-1-1-1,0-1 3,0-1 1,1 0 0,-2 3 0,2 0 11,-2-3 1,2 2 0,-4-2 0,2 2 3,1 1 0,1-1 1,-1-1-1,0-1 48,0 1 1,-2 1 0,2 0-58,0-2 0,-1 2 0,0-2 1,2 2-1,0 1-5,1 0 1,0-2 0,-2-1 0,0 1-3,0 1 1,2 1 0,0 0 0,0 0-4,1 0 0,-1 0 0,0 0 0,0 0 10,-3 0 0,4 0 0,-2 0 0,-1-1 2,2-2 1,-1 2 0,1-2 0,0 2-1,-3 1 0,3 0 1,-3 0-1,1 0 24,0 0 0,1 0 0,-1 0 0,1 0-12,2 0 0,-4 0 0,0 0 0,1 0-15,-2 0 1,4 0 0,-3 0-1,2 0-2,-2 0 1,4 0 0,-2 0 0,-1 0-4,2 0 1,-1 0-1,1 0 1,0 0-4,-3 0 0,3 0 0,-3 0 0,2 0 1,2 0 1,-4 0-1,1 0 1,0 0 2,2 0 1,-3 0 0,0 0 0,1 0-22,-2 0 1,4 0-1,-3 0 1,2-1 13,-2-2 0,3 2 0,-3-2 0,1 2 8,0 1 1,1 0 0,-2-1-1,0 0 0,1-2 1,-2 0 0,3 3 0,-2 0-4,1 0 1,-1 0 0,-1 0 0,1 0-2,-1 0 0,-1 0 1,1 0-1,1 0 12,-1 0-1,-1 0 1,2 0 0,-2 0-6,-1 0 1,1 0 0,1 0 0,-1 0 14,1 0 0,-2 0 0,-1 0 0,1 0-18,0 0 1,2 0-1,-3 0 1,2 0 0,-2 0 1,3 0-1,-1 0 1,-1 0-2,2 0 0,-4 0 1,4 0-1,-2 0-3,1 0 1,2 0-1,-1 0 1,-1 0 3,1 0 0,0 0 0,-3 0 0,2-1-3,-2-2 1,3 2 0,-1-2 0,1 2 1,-1 1 0,1 0 0,-2 0 0,0 0-22,0 0 0,1 0 1,0 0-1,-2 0-1,0 0 0,2 0 0,-1 0 0,0 0 23,-2 0 0,0 0 1,1 0-1,0 0 2,2 0 1,-1 0 0,-2 0-1,0 0-4,0 0 0,2-1 1,1-1-1,-2-1 9,0 1 1,-1 1 0,0 1-1,3 0 0,-3 0 0,3 0 0,-2 0 0,-2 0-4,1 0 0,3 0 0,-1 0 0,0 0-1,-2 0 0,0 0 1,1 0-1,0 0-10,2 0 1,-1 0 0,-2 0-1,0 0 3,-1 0 1,1 0 0,0 0 0,-1 0-3,1 0 0,0 0 1,-1 0-1,1 0 4,0 0 1,-1 0-1,1 0-4,0 0 1,-1 0 0,1 0-47,0 0 43,0 0 0,-1 0 0,1 0-3,0 0 0,-1 0 0,1 1 10,0 2 1,-1-2 0,1 2 0,0-2-1,-1-1 1,-2 0-1,0 0 1,1 0 16,0 0 0,-1 0 1,0 0-1,0 1-4,-2 2 1,4-2 0,-2 2-8,2-2 0,-3-1 1,1 0-1,0 1-5,-1 2 1,3-2-7,-3 1 1,3-1-1,1 0-22,-1 2 0,-2-2 1,0 2 19,1-2 0,-2 2 0,0 0-6,2-1 0,0 0 0,0 0-2,-2 1 0,1 0 0,3-1-14,-1 1 1,-2 1 0,0-1 36,1 3 0,-2-1 0,-1 0-10,0 2 0,2 1 1,-3 1-1,-1-1 58,-1 1 0,0 0 1,1-1-17,1 1 0,0 3-24,0 3 1,-2-5-1,3-2 1,-1 0-323,0 0 0,1-3 0,-1 1-973,2 1 1283,3-3 0,1 0 0,0-4 0</inkml:trace>
  <inkml:trace contextRef="#ctx0" brushRef="#br0" timeOffset="1579">4563 3800 6754,'-4'5'540,"4"-1"-463,-4-4-61,4 0 0,1 0 0,1-1 42,0-2 1,2-2-1,-2-4 1,2 1 9,1-1 0,-2-3 0,3 0 0,-1-1-15,0 1 1,3-4-1,-2 2 0,1-2-11,2-2 0,0 2 1,-1-1-1,2 1-44,2-2 1,-2-1 0,4 0 0,-1 0 12,1-1 1,0-7 0,3 1-1,1-1-9,-1 0 0,3-2 1,2-2-1,0-2-20,2-3 1,-2 1 0,1 1 0,0 0 22,0-1 0,4-3 0,-1 1 0,1 0 17,0 0 1,2-5-1,1-2 1,1-3-11,2 0 0,0-2 0,-1 3 0,0 0 23,1 2 1,3-2 0,0-2 0,-1 1-9,-1 0 0,4-2 1,-3 2-1,1-2 63,-1-1 1,3 3 0,0 0 0,1 2-43,0 1 1,1-4-1,-1 4 1,-2-3 25,-1 0 0,2-1 0,-4 3 0,1 0-7,1 0 1,5-4 0,-1 0 0,3-2-17,0-1 0,2-3 1,-1 0-1,0 2-35,-1 3 1,-3-1 0,2 4-1,-3 1 27,0 2 1,4-5-1,-2 6 1,1-1 42,0-1 0,1 2 0,0 0 0,0 0-89,1 3 1,-2-2 0,1 4-1,-1-1 44,2 1 0,2-3 0,-3 4 0,-1 0-84,-1 1 0,1 2 1,-2-1-1,-1 1 23,-1 2 0,0 3 0,-2 5 0,-1 1 16,-1-1 1,0 3 0,-5 1 0,-2 2 6,-3 4 1,0-2 0,-3 5-1,-2 0-7,-1 2 0,-4 0 0,-3 0 0,-1 2-88,-1 1 1,-1-1-1,0 3-285,-2-1 0,-2 2-76,-4-2 1,0 2-989,0-3 1441,0 4 0,0-6 0,0 4 0</inkml:trace>
</inkml:ink>
</file>

<file path=ppt/ink/ink26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1:33.820"/>
    </inkml:context>
    <inkml:brush xml:id="br0">
      <inkml:brushProperty name="width" value="0.06" units="cm"/>
      <inkml:brushProperty name="height" value="0.06" units="cm"/>
      <inkml:brushProperty name="color" value="#008C3A"/>
    </inkml:brush>
  </inkml:definitions>
  <inkml:trace contextRef="#ctx0" brushRef="#br0">61 104 8168,'0'-16'-589,"0"1"603,0 3 0,3 6 1,0 0 213,-1-1 0,-1 2 90,-1 0 0,2 2-172,1-3 15,0 4 0,-2-1-45,2 6 0,-2 3 1,2 5-33,-2 4 0,-1 2 1,-1 3-1,-1 4-160,-1 1 0,-4 4 1,2 3-1,-3 1-137,-1-1 1,1 4 0,-1-4-1,0 0 108,1-1 1,2-6-1,1-5 1,1-1-119,2-2 1,1-3-1,1 0 1,1-3-25,2-3 1,-1 0 246,4-5 0,0 3 0,2-1 0</inkml:trace>
  <inkml:trace contextRef="#ctx0" brushRef="#br0" timeOffset="585">269 17 7607,'0'-9'26,"0"5"1,0 1 260,0 6 0,0 2 0,-1 7 0,-1 2-227,-1 3 0,-1 1 0,3 2 0,-3 4-67,-1 1 1,-1 4 0,-2 3 0,1 2-22,-2 1 1,5-2-1,-5 0 1,2-2-118,-1-1 1,2-2 0,1-5 0,2-3 22,1-1 0,-2-3 1,1-2-1,1-2 3,1-2 0,1-2 112,0 1 61,0-4 0,0-5 0,0-6 1,0-2 44,0 0 0,-3-2 0,-1-2 0,0-1-29,1-1 1,-3-2 0,2 3 0,-1-2-5,-2 1 0,3 3 0,-1-1 0,0 3 27,0 0 1,3 3 0,-2 2 178,0 0 1,3 1-10,-5 3-205,4 0 1,5 0-191,5 0 0,4 0 1,-1 0-1,0 0-81,0 0 1,1 0 0,1-1 0,0-1-356,3-1 1,-3 0 0,1 3 567,-2 0 0,4-4 0,-3-1 0</inkml:trace>
  <inkml:trace contextRef="#ctx0" brushRef="#br0" timeOffset="1052">434 130 8271,'0'-5'146,"0"2"1,0 7 83,0 5 1,-3 3 0,0 7 0,1 1-177,1 3 0,-2 5 1,0 3-1,-1 1 33,0 0 0,-2 4 0,3-6 0,1-1-126,1-3 0,1-6 0,0-1 1,0-2-32,0-3 1,3-6-1,1 0 1,1-3 59,2 0 1,-3-3-1,2 0 1,1-4 44,1-4 1,0-2 0,2-4-1,1-2 17,0-3 0,1-3 1,-4-2-1,1-1 47,0-1 0,1-6 0,1 4 0,-2-1-198,-2 0 1,3 1-1,-5 1 1,1 2-103,-1 2 0,-3 7 0,2 2-523,0 3 0,-3 5 724,2 4 0,2 7 0,-1 7 0</inkml:trace>
  <inkml:trace contextRef="#ctx0" brushRef="#br0" timeOffset="1659">816 104 7901,'1'-5'-949,"1"2"1145,4 2 0,2 1 0,1 0 0,-1 0-140,1 0 0,0 1 0,0 1 0,2 2 34,0 1 0,1 0 1,-3 1-1,-1 0-129,1 1 0,-4 1 0,-1 0 0,-1 1 85,0 0 0,-1-1 0,-3 1 0,0 1-9,-2 1 0,-4-1 0,0 2 1,-3 0 43,-1-1 1,-4 4 0,4-3 0,-1 1-22,0 0 1,2 2-1,-2-1 1,0 2-29,1-2 1,0 5 0,4-4-1,1-1 32,0 0 0,2 0 0,1-1 1,2-1 31,1 1 1,1-1-76,2-4 1,2 0 0,3-2 0,2-3 37,1-2 0,0-1 1,3-1-1,-1-1-46,1-1 1,-1-1-1,2 2 1,-1-2-487,-2-1 0,0 3 1,-3 0 472,-1 1 0,5 1 0,0 0 0</inkml:trace>
  <inkml:trace contextRef="#ctx0" brushRef="#br0" timeOffset="2057">798 329 8276,'0'-4'944,"0"0"1,1 4-729,2 0 1,2 1 0,5 1 0,0 1-323,2-2 1,3 1 0,0 0 0,1 1-491,1-1 0,2-1 0,0-1 1,1 0 595,-1 0 0,4-4 0,-1-1 0</inkml:trace>
  <inkml:trace contextRef="#ctx0" brushRef="#br0" timeOffset="2645">1232 95 8256,'0'-5'637,"0"2"1,0 13 0,0 6-745,0 4 0,-1 3 0,-2 4 0,-2 2 129,1 3 1,-4 1 0,2 2 0,-1-1-47,1-2 1,0-2 0,3-5 0,1-2-53,1-3 1,1-5 0,0-1 25,0-2 0,4-1 1,2-5 107,1-3 1,2-3-1,0-3 1,-1-4 34,1-4 0,1-2 0,0-5 0,3-3-11,0-2 1,1-3-1,1-2 1,0-1-31,0 1 1,0-3 0,1 0 0,-3 2-239,0 0 1,1 6-1,-2 4 1,-1 5-293,-2 1 0,-1 2 0,-1 3-766,-2 2 1244,-3 3 0,2 6 0,-4 2 0</inkml:trace>
  <inkml:trace contextRef="#ctx0" brushRef="#br0" timeOffset="2795">1310 468 8182,'0'9'272,"0"0"1,4-4 0,2 1 0,1 1-123,2 1 0,1-1 1,1 0-1,3-1-2243,-1 1 2093,4-4 0,-4 9 0,5-2 0</inkml:trace>
</inkml:ink>
</file>

<file path=ppt/ink/ink26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4:22.774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2840 4216 7718,'-6'0'187,"1"-1"-38,5-3 1,-1 3 182,-3-3-109,3 3 0,-5-3 51,2 1 1,2-2 182,-6 1-342,1 3 1,-3-5 0,2 3-88,0 0 0,5-1 0,-4 4 0,-1-1 44,2-3 1,-3 3 0,1-3-29,-1 3 1,1 1 0,1 0-1,-2 0-19,0 0 1,-2 0 0,0 1 10,0 3 0,0-3 0,0 3 0,0-2-21,0 2 1,4-3-1,0 3 1,-2-2-21,0 2 0,1-3 0,1 4-7,-2 0 0,0-3 0,-1 6 0,2-1-7,0-1 0,1 4 0,-4-3 7,0 3 1,0 0-1,0 1-25,0 0 1,2 0 0,0 0-3,2 0 0,0 4 0,-3-1 1,1 0 15,2-2 0,1-1 0,-2 1 0,0 1 17,0 2 1,-1 0 0,1-1 0,1 2 17,-2 1 1,3-4 0,-1 3 0,-1-2-8,2 1 0,-2 1 1,3-3-1,0 1 0,0 0 0,-2 2 0,3-2 0,1 1-7,-2 0 0,4-2 0,-3 2 0,2 0-23,-2 0 0,3 0 0,-3-1 0,3 0 23,1 0 1,0-2 0,0-1 0,0 1 1,0 2 0,1-2 0,2 3 0,1-3-1,2-1 1,-2 4 0,2-1-1,0 0 4,0-2 1,-2-1 0,3-1-1,2 1 13,0 0 0,-1 0 1,-1 0-1,2 0-9,0 0 0,1-4 1,-2 1-1,0-1 70,0-1 0,2 2 1,1-3-1,0 0-71,0 0 1,0 0-1,0-3 1,-1 2 0,1-2 1,4 1-1,-1-1 1,0 2-18,-2-2 1,-1-1 0,1-1 0,1 0 6,2 0 0,-1 0 1,-3 0-1,0 0 20,0 0 1,0 0 0,0 0-1,0 0 7,0 0 1,3 0-1,1 0 1,-2 0-15,0 0 0,-3 0 0,1 0 1,0 2 5,0 1 0,0-1 0,0 1 1,0-2 22,0-1 0,0 0 0,0 0 0,0 0 38,0 0 0,-1 0 1,3 0-58,1 0 1,-2 0 0,3 0 0,-3 0 15,-1 0 0,0 0 0,1 0 0,1 0 12,2 0 0,-1 0 0,-3 0-27,0 0 1,4 0-1,-1 0-16,0 0 0,-2 0 1,-1-1-1,0-1 18,0-2 1,0-1 0,0 3-4,-1-2 1,1 1-1,0 3 1,-1-2-13,-3-1 1,3 1 0,-3-1 0,3 0-45,1 0 1,0 0 0,0-3 31,0 1 0,-2 1 1,0 1-1,-2-1-8,2 2 0,0-3 0,2 0 0,0 1 34,0-1 1,0-3-1,-1 4 1,-2-3 3,-1-1 0,1 3 0,3 0 0,0 0-43,0-2 0,-4 2 0,0 0 0,2 2-2,0-1 0,-1-3 0,-1 2-6,1-1 1,2 0-1,1-3 24,0 2 1,-1 3 0,-2-2-1,-1 0 1,2 0 0,-3 3 0,1-5 8,2 0 0,0-2 0,2 0-80,0 3 0,-1-3 0,-2 4 0,-1-1 18,-3 0 0,5 3 1,-2-3-3,3-2 0,-3 1 0,-1-1 0,0 3 31,0 1 1,-2-2 0,2 2-1,0 0-18,0 1 0,-2-5 0,3 2-3,2-3 1,-3 3-1,0 0 1,-1-2 0,2-1 1,-2-1 5,1 1 1,-4 2 0,3 1 23,0-2 1,-4 0-1,4-1 1,-1 2 53,-1 0 0,2 1 0,-2-4-25,0 0 0,1 0 0,-4 0 0,0 0 0,0 0 232,0 1-174,0-1 1,0 0-37,0 0 0,0-1 1,0-2-5,0 0 0,0-1 1,0 4-1,0 0-4,0 0 0,-4 1 0,1-1 0,-1 0 3,-1 0 0,3 0 0,-4 0 0,0 0 60,-1 0 0,4 0 0,-4 0 14,-2 0 1,3 2-1,-1 0 1,-1 2-56,2-2 0,-2 3 0,3-1 0,-1 0-39,-3 1 1,0-3 0,-2 4 0,-1-1-59,-3-2 1,5 3 0,-3 0 22,0 0 0,-1 4 0,3-3 1,-1 2 2,-2-2 1,2 3-1,-4-3 1,1 3 11,1 1 1,-1-3 0,3-1-1,-1 1-9,-2 2 0,1 1 0,1 0 0,0 0-3,-2 0 0,1 0 1,2 0-1,-2 0 9,0 0 1,-1 0 0,4 0 0,0 0-67,1 0 1,-1 0 0,0 0 0,0 0 19,0 0 0,0 0 1,-1 0-21,-3 0 1,-1 0-1,-2 0 1,5-1 49,4-3 1,-4 3-1,2-2 9,-1 1 0,0 1 0,1-1 0,0-2 10,0 2 1,-3 0 0,-1 2 0,2-1-44,1-2 1,-3 1 0,0-1 0,1 2 5,-2 1 0,3 3 0,-5 2 0,-1 1-101,2 3 0,-3-3 0,3 1 1,-1 1-127,-1 2 1,6 0 0,-2-2 0,3-2-192,1-1 464,0 4 0,1-8 0,-1 4 0</inkml:trace>
  <inkml:trace contextRef="#ctx0" brushRef="#br0" timeOffset="2249">2523 4172 6031,'0'6'49,"0"0"1,1-3 25,3 0 0,-3 6 33,3-2 0,-3-1 363,-1 1 228,0-4-443,0 2 0,0-6-14,0-3-26,-5 3-89,4-9 0,-9 4-34,3-5 0,1 4 0,0-1 3,1 0 1,-4 2-108,2-1 1,-3-1-9,-1-3 0,1 0 0,-1 1 38,0-1 0,0 0 0,0 0-13,0 0 1,0-3 0,-1 1-1,-2 1 26,0-1 0,2-1 0,2 2 0,-2-1 2,0-2 1,0-3-1,0 2 1,-2-1-29,0-2 0,-1-1 0,3 1 0,-1 2 14,-2 1 0,0-3 0,5 2 0,-1-1-14,0-1 1,-4 5 0,1-3 0,0 0-17,2 0 1,1 2-1,0-2 1,-1 0 16,-2 0 0,1 0 0,-1-2 0,1 2-25,-2 1 1,3-3-1,-4 1 1,2-3 25,-1-1 1,-3 0-1,2-2 1,-1-3 29,-2-2 1,2-4 0,0 7 0,0-1-55,0 0 0,3 2 1,-2 2-1,2-1-6,-1-2 1,0 2 0,1 3 0,0 1 9,0-3 1,-1-2-1,-1 3 1,0 1 5,0-1 1,-2 0 0,3 0 0,1 0-4,-2 0 1,0-3-1,-3-2 1,1-1 69,-2-2 1,0-2 0,-2 0 0,1-1 23,3 0 1,-3 0 0,3 1-1,-2-1-26,-2 0 1,4 0 0,-1 1-1,1 0-9,1 3 1,-3-3 0,1 4 0,0-1-18,1 0 1,-3 1 0,3-2-1,-2 2-11,2 1 0,-2-3 0,1 1 1,-1-3-2,-2 0 1,1-1 0,2 0 0,1 0-12,-2 1 1,0-4 0,-2 2-1,0 2 46,0-4 1,2 4 0,0-5 0,2 3-3,-2 1 1,1-2 0,0 0 0,2 1-33,1-1 0,-2 0 1,2 2-1,0 0 14,0 0 0,1 1 0,1-1 0,0 1-31,0 3 1,-1-6-1,-1 2 1,0-1-21,0 0 0,-2 2 1,2-1-1,0 0-6,1 0 1,-3 1 0,2-2 0,0-2 4,0 0 0,-2 0 0,3 3 1,1 1-8,-2 3 0,4-1 0,-3 3 0,2 0 20,-2 1 1,3-3 0,-2 3 0,2 2-3,1 1 0,0 2 1,0 2-1,0 1-5,0-2 0,1 3 1,2 0-1,1 0 5,-2 0 0,1 3 0,-1-3 1,3 1-4,1 3 0,-2-3 1,2 1-1,0 2-66,0 1 0,-2-3 1,3 1-1,2 0-9,1 2 0,-3 0 1,0-1-1,1-2 17,-2 2 1,4 1 0,-3 1 0,3 0-105,1 0 1,-4 0-1,1 0 1,0 0-251,2 0 0,0 4-113,-3 0-81,3-1 267,-9 2 347,9 1 0,-9 5 0,4 0 0</inkml:trace>
</inkml:ink>
</file>

<file path=ppt/ink/ink26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4:28.664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66 556 8183,'0'-7'-51,"-1"1"1,-1 0 642,-2 0-378,0 3-383,4-2 212,0 5 1,0 6 0,2 4 0,0 6 20,2 4 1,3 5-1,-2 7 1,0 1-109,0 0 1,2 3 0,-2 2 0,0 0-70,-1-1 1,4 0 0,-3-6-1,-1-2-178,1-3 1,0-4-1,-3-4 28,2-4 0,3-8 118,-3-6 1,0-8 0,-4-9 0,0-2 11,0-5 1,0-5 0,-2 0-1,-1-1 136,-4 1 1,-2 1 0,-1 4-1,2-2 14,-1 2 1,-3-3-1,5 0 1,-3 1 217,-1-1 1,0-2-1,0 3 1,2 3-114,1 4 0,0-2 1,4 4-1,1 0 155,-2 3 1,4 2 27,-3 1 0,3 0-216,1 0 1,1 5 0,3 2 0,3 3-75,3 1 0,2 0 1,1 0 0,2 0 0,-1 4 1,-2 1-1,2-1-3,0 1 1,1 4-1,-4-2 1,0 3-2,0 1 1,-2-4-1,0 0 1,-3 3 12,-1 3 1,-2-1 0,-3 3-1,0-2 16,0 2 0,0-3 0,-1 4 0,-2-2-181,-5 1 1,-1-1-1,-2-3-87,0 0 0,1-3 0,1-2-233,2-2 336,5 0 1,-2-3 69,8 3 1,2-3 0,5 3 0,1-3 134,2-1 0,-1 0 1,2 0-1,0 1-55,0 3 1,3-2-1,-4 4 1,0 0 36,-2 1 0,-3 0 1,0 5-1,-3 1 16,-1 2 1,-1 4 0,-4-1 0,0 3-40,0 1 0,-5 0 0,-3 0 1,-1-1-19,-2 1 1,0-5 0,0-1 0,0-3-23,0-2 0,0 1 1,0-7-1,0 0-15,0 0 0,4-1 0,1-6 0,0-1-270,0-4 1,3-3 0,0-1 0,2 0-141,1 0 0,1 0 1,2 0 424,5 0 0,1 0 0,2 0 0</inkml:trace>
  <inkml:trace contextRef="#ctx0" brushRef="#br0" timeOffset="244">481 807 8090,'-1'10'55,"-3"-3"0,3 3 1,-2-3-1,1 3 52,2 1 0,0 0 0,0 0-373,0 0 1,2-2 195,1-1 1,3-4 0,4-5-979,-3-2 1048,-2-4 0,0-3 0,1-1 0</inkml:trace>
  <inkml:trace contextRef="#ctx0" brushRef="#br0" timeOffset="415">427 316 7933,'-11'-25'378,"0"4"1,0 7 366,0 3 0,4 5-709,-1 6 1,6 5 0,0 2-1,4 3-302,5 1 0,3 0 1,1 1-1,1 1-733,3 2 1,0 4 998,4 0 0,1 1 0,-3 2 0</inkml:trace>
  <inkml:trace contextRef="#ctx0" brushRef="#br0" timeOffset="769">612 709 8409,'0'7'147,"0"0"1,0 3 5,0 3 0,0 0 0,0 1 0,0-2 76,0-1 0,5 0 0,3-1-238,1-3 0,2-2 0,0-5-164,0 0 1,0-1 0,0-4-1,0-5 48,0-3 0,0-5 0,-1 3 0,1 2-147,0 1 0,-1 1 0,-1 0 0,-2 1 195,1 3 464,-3 2 0,4 6-223,-6 3 1,1 2 0,-4 5 0,0 0-54,0 0 1,0-4-1,0 0-366,0 2 0,1-4 0,3-2-271,3-2 0,3-2 1,1-2 525,0-5 0,0-1 0,-1-2 0</inkml:trace>
  <inkml:trace contextRef="#ctx0" brushRef="#br0" timeOffset="1190">1006 600 7962,'-2'-10'193,"-1"3"0,0 1 323,-4 2 1,3 3-305,-3-3 1,3 8-1,-2 3-225,1 3 0,2 1 0,3 0 0,0 0 1,0-1 1,0 1 0,0 0-104,0 0 0,1 0-165,3 0 1,2-5 271,5-2 1,-2-4-1,0-3 1,-3-2 3,-1-1 0,0 3 1,-3-5 57,2 0 1,-1 2 650,-3-1-433,0 4 1,-1-2-69,-2 5 1,0 0-140,-4 0-741,4 0-242,-1 0 218,4 0 451,0 0 1,-5 0 0,-1 0 0</inkml:trace>
  <inkml:trace contextRef="#ctx0" brushRef="#br0" timeOffset="1985">1049 578 7880,'-1'-6'291,"-3"2"-91,3 3 1,-5 1-97,2 0 0,2 0 0,-5 0-41,-2 0 0,3 1 1,-1 2-1,0 1-7,1 2 0,-3-2 0,4 3 0,0 2-39,0 1 1,1-1-1,1 1 1,0 0 36,0 2 1,2 1 0,1-2-1,0 0-34,0 0 0,0 0 0,0 0-11,0 0 0,1-2 0,3-1 1,3-5 0,3-1 1,1-2-1,-2-2-60,-1-1 0,1-3 0,-1-6 0,1-2-51,2 0 0,-3-9 1,-2-1-1,0-1-52,0-2 1,-3-3-1,3 1 1,-1-3 96,-2 0 0,-2 0 1,-1 2-1,0 1-4,0-2 0,0 0 0,0-2 0,0 1 3,0 3 1,-4-1 0,1 6 0,-1 3 156,-1 5 1,4 4-1,-3 1 339,3 0-298,-4 5 1,3 1 0,-4 7-55,1 1 0,1 3 0,4 5 0,0 0-47,0 0 1,0 5 0,0 2 0,1 3-6,3 0 0,-3 5 1,3 2-1,-3 1 11,-1 1 0,4 7 0,-1-6 0,0 2-26,-2 2 0,-1 0 0,1-3 0,2-3-150,0-3 0,6-5 1,-3-1-1,1-4-636,1-4 0,-1 1 65,4-6 0,0-2 701,0-1 0,-1-8 0,1-2 0</inkml:trace>
  <inkml:trace contextRef="#ctx0" brushRef="#br0" timeOffset="2296">1213 556 8377,'0'11'345,"0"0"1,0 1 0,0 1 0,1 2-168,3-2 0,-3-1 1,3-1-1,-3 0-311,-1 0 0,4-4 0,0-1-154,2-1 1,-2-1-1,2-5-354,-1-3 0,2-7 0,-3-8 641,-2-5 0,4-4 0,1-5 0</inkml:trace>
  <inkml:trace contextRef="#ctx0" brushRef="#br0" timeOffset="2405">1224 21 7682,'-5'-11'213,"3"5"481,-6 2 0,2 9 0,-1 5-527,3 3 0,3 2 1,1-3-1,0 1-390,0 2 1,5 4 0,1-1 0,1 3-281,1 1 1,-1 1 0,4 2-1,-1 2 503,-3-3 0,7 7 0,-1-8 0</inkml:trace>
  <inkml:trace contextRef="#ctx0" brushRef="#br0" timeOffset="2732">1344 490 8075,'6'5'388,"-2"3"1,-3 1-1,-1 2 1,0 1 44,0 3 0,0 1 1,0 3-1,0-2-185,0-1 0,0 2 1,1-3-231,3-2 1,2-2-1,5-4 67,0-3 1,-4-3 0,0-1 0,2-1-391,1-3 1,-1-3 0,0-6 0,-2-2-115,1 2 0,-1-3 0,0 1 1,0 1 142,-1-2 1,3 4-1,-4-2 428,1 6 111,-4-2 1,3 10-161,-5 0 1,0 2-1,0 5-615,0 1 0,1 2-73,3 1 1,2-1 584,5-3 0,0 3 0,0-4 0</inkml:trace>
  <inkml:trace contextRef="#ctx0" brushRef="#br0" timeOffset="3181">1737 370 8075,'-1'-6'527,"-3"3"0,-2 1 1,-5 4-373,0 1 1,4 0-1,1 4 1,0 3 65,0 3 1,2-1 0,-2 4 0,1-1-177,3-1 0,1 4 1,1-2-1,0 0-282,0 0 1,1-2-1,3-3 140,3 0 0,3 0 0,1-1 1,-1-2-25,1-1 0,0-3 0,0 3 0,0 1 64,0-2 0,0 3 0,0-1 0,0 1 9,0 2 1,0 1 0,0 2 0,-2 0 48,-1 0 1,0 3 0,-4 1 0,-2 1 92,-1-1 1,-1 3-1,-1-3 1,-3 3-81,-3 1 0,-3-2 0,0 0 0,-1-3-60,0-1 1,0-2-1,-1-4 1,-2-3 36,0-3 0,-1-3 1,4-2-24,0-3 1,0-3-1,2-8 1,0-4-77,2-5 0,3-8 0,-2-7 1,1-3-179,3-7 0,-3-3 0,3-3 0,2 2 1,2 2 1,10 0 0,0 9 0,3 5 284,1 6 0,3 6 0,-2-1 0</inkml:trace>
</inkml:ink>
</file>

<file path=ppt/ink/ink26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4:34.224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187 1 8175,'-6'0'1426,"-1"0"-1388,4 0 1,0 0 0,-3 1 0,0 2 11,0 5 1,3 1 0,-5 2-1,0 0-108,-2 0 0,-1 5 1,0 1-1,0 1 61,0 0 1,0 1 0,1 4 0,-1 1 8,0 1 1,3 1 0,2-4 0,2 0 10,1-1 0,-2-2 0,2-2 0,0 0-11,2 0 0,5-3 0,0 3 0,3-1-44,1-3 0,2-1 0,1-2 1,0-1-123,-1-2 1,5-5 0,0 3-1,-1-1-70,2-1 0,-4 1 1,4-5-1,-2-2-377,1 0 0,0-6 601,-5 2 0,1-8 0,0-2 0</inkml:trace>
  <inkml:trace contextRef="#ctx0" brushRef="#br0" timeOffset="438">285 317 8220,'-1'-6'411,"-3"3"0,3 3 0,-4 2-241,0 2 0,4 4 0,-3-1-5,3 3 1,1-3-1,0 1 1,0 0-147,0 2 0,0 1 0,0 0-142,0 0 1,5 0 0,2-2-8,3-1 1,1-4 0,0-4 0,0 0-3,0 0 1,0 0-1,-1-1 1,1-2 60,0-5 0,-1 2 1,-2-1-1,-1-2 22,-3 0 0,4-2 1,-5 0-1,0 0 14,-2 0 0,-1-4 0,0 1 1,-1 1-21,-3 0 0,-1 6 0,-4 0 15,-2-2 0,2 5 0,-5 0 0,1 3-46,3 1 1,-1 1 0,1 3-130,3 3 0,2 3 1,5 0-357,0 1 0,0 0 571,0 0 0,5 0 0,1 0 0</inkml:trace>
  <inkml:trace contextRef="#ctx0" brushRef="#br0" timeOffset="1010">514 263 8415,'0'11'167,"-1"0"0,-1-1 10,-2 1 0,0 0 1,4 0-1,2 0-34,1 0 1,0-1 0,3-2 0,0-2-296,0-1 0,1 2 1,4-3 137,0-1 0,0-2 1,0-2-150,0-3 0,0 1 0,-2-4 0,0-1-35,-2-2 1,-1-5 0,3 1 0,-2 1 67,1 0 0,-2 2 0,2 1-23,0-1-81,-3 5 505,0 1 1,-5 10-1,0 2 90,0 3 0,1 0 0,2 1-251,0 0 1,6-1-57,-2-3 1,-1-2 0,1-5 0,1-1-87,-2-3 0,3-2-1,-1-5 1,0-1-145,-1-2 1,3 1 0,-3-1 0,3 2 60,1 1 1,-4 0-1,1 0 55,0 0 1,2 0-13,1 0 0,-4 5 275,0 3 0,-4 3 0,0 3 0,-1 4 161,-2 3 1,1 1 0,1 0-209,2 0 1,1 0-170,-2 0 1,2-4 0,4-1 13,-2-1 0,5-1 0,5-4 0</inkml:trace>
  <inkml:trace contextRef="#ctx0" brushRef="#br0" timeOffset="1149">1104 219 8876,'-6'5'2058,"1"-3"-1920,5 6-138,0-6 0,0 3 0,0-5 0</inkml:trace>
</inkml:ink>
</file>

<file path=ppt/ink/ink2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47.31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 9 7558,'0'-4'398,"0"0"1,0 5 0,0 2 0,0 2-242,0 3 1,0 1 0,0 0-1,0-1-83,0 1 1,-1 1 0,-1 0 0,-1 2-90,1-1 1,1-1 0,2-2-118,2 1 1,-1-4 0,4-1-4,0 0 1,2-3-1,1 1 82,0-1 0,-1-3 0,0-2 178,-2-1 313,2 3-333,-3-2 0,0 4 0,0 1 30,-1 2 0,-1-1-94,-3 4-101,4-1 0,1 0 80,3-2 0,-2-3 0,-1-3 0,0-2-15,0 1 0,-2-4 0,2 2 0,-1-2-91,1 0 1,-3-1 0,2 0 0,-1 0-364,0 1 1,1-1 0,-2 0-457,1 0 0,0 4 905,-3-1 0,0 4 0,0-2 0</inkml:trace>
  <inkml:trace contextRef="#ctx0" brushRef="#br0" timeOffset="443">289 158 8051,'-1'5'758,"-1"-1"1,-1 0-532,1 1 0,1 0 1,-1 1-1,-1 1-323,1 1 1,1 0 0,1 1-1,0 0-645,0 0 1,0-4-1,0 1 741,0 1 0,0 5 0,0 1 0</inkml:trace>
</inkml:ink>
</file>

<file path=ppt/ink/ink27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5:03.500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644 11 7139,'-11'0'0,"1"0"164,-1 0 1,3 0 186,1 0 0,0 0-198,-4 0 0,0 0-79,0 0 1,4 0-21,-1 0 1,2 2-1,-2 0-63,1 2 1,-1 0 0,-3-1 1,1 1 1,2-1 0,1-2 0,-2 2-46,0 0 0,-2 6 0,0-2 54,0 3 0,0-3 1,0-1-1,1 0 7,3 0 1,-3 0-1,3 3 1,-3-3 3,0-1 0,2 3 1,1 0-1,-2 1-11,0 2 1,-1-3 0,2-1 0,0 1 0,0 2 1,-1 1 0,1 0 0,1 0-13,-2 0 1,-1 3 0,-1 1 0,2-2 3,1-1 1,-1 3-1,1 1 1,-1-1-15,-2 1 1,0 2-1,0-2 1,0 0-2,0 0 0,4 3 1,0-2-1,-2 1 13,-1 1 0,3-5 1,0 4-1,0 0-8,0-1 0,-2 3 1,3-4-1,-2 1 4,1 2 0,3 0 0,-2 1 1,2-2 1,1 2 1,-2-3 0,2 1 0,0 0-2,2-1 1,0 2 0,-2-3 0,0 1 4,0 2 0,2-2 0,1 0 0,0 0 7,0 0 0,0 0 1,0 2-1,1-4-6,3 1 0,-3-2 0,3 3 1,-2-2 4,2-1 1,-3-2-1,3-1 1,-2 0 15,2 0 0,-2-1 0,4 1 1,0 0-9,0 0 0,-2-1 0,3-2 1,1 0 11,-2 0 1,3-2 0,-1 0-1,1 0-18,2 0 1,0-3 0,0 2 0,0-2 0,0 1 0,0 3 0,0-3 0,0 0 0,0 0 1,0-2-1,0 3 1,-1-2 10,1 1 0,0 1 0,0-3 0,0 3-7,0 1 1,0-4 0,0 3 0,0-1 5,0 0 0,0 3 0,0-4 0,-1 1-11,1 1 1,0-4 0,0 3 0,0-2 3,0 2 1,0-3 0,0 4 0,1-1 14,3-1 1,-3 1-1,2-4 1,-2 1-12,-1 3 1,0-3-1,0 3 1,0-3-10,0-1 0,0 0 1,0 0-1,0 0-7,0 0 0,0 0 1,0 0-1,-1 0 1,1 0 0,0 0 1,0 0-1,0 0 0,0 0 1,4 0-1,-1 0 1,0 0 2,-2 0 1,2 0 0,1-1 0,-2-2 0,-1 0 0,3-1 0,-1 4 0,1 0 0,1 0 0,-4 0 0,4 0 0,-2-1 0,1-3 0,1 3 0,-3-3 0,3 3 3,1 1 1,-4-1 0,3-2 0,-2 0 0,1 0 0,3 1 0,-2-1 0,0-1 0,-1-3 0,4 5 0,-5-3 0,1 2-4,1-1 0,-4 0 0,3 3 1,0-1 0,0-2 0,3-1 0,-2 3 1,-1-2 2,1 2 1,0 0-1,-3 2 1,3-1-5,1-2 0,-4 1 0,3-1 0,-1 2 2,-1 1 0,1-4 1,-3 0-1,1 2-13,2 1 10,-1 1 0,1-4 0,0 0-7,-2 2 1,-1-3-1,-1 1 1,0 2-10,0 1 1,0-3 0,0-1-1,0 0 3,-1 1 0,1-4 0,0 3 0,0 1-14,0-1 0,0 0 0,0 2 0,0-1-16,0-2 0,0-1 0,0-1 0,0 2 5,-1 1 1,-2-3 0,-1 1 0,2 0 35,0 0 1,2 3 0,0-3 0,0 0-12,0 1 1,-4-3 0,0 4 0,2-1 0,1-1 8,1 1 1,-2-4 0,0 4 6,-2 0 1,0-4-1,4 3-4,0-3 1,-1 3 0,-2 0-1,0-1 5,0 2 0,-2-3 0,0 1 0,0 0 4,0 1 1,1-3 0,1 4 0,-2-1-6,-1-1 0,3 1 0,-1-4-2,-1 0 0,0 4 0,-3 0 0,5-2 0,-4 3 0,1-1-8,0-2 1,1 0-1,4-2-9,-3 0 1,-1 3 0,-3 1 7,0-1 0,5-2 0,-4-1 23,3 0 1,-5 0 0,3 0 19,0 0 1,-4 4 0,3 0 0,-3-2-24,-1 0 1,0 1 0,1 1 0,1-1-1,2-2 0,0 3 0,-4-1 0,0 0 23,0-2 0,0 3 0,0 0 0,0-2-3,0-1 1,0 3 0,0 0 0,0-2-29,0 0 1,0 1-1,0 1 1,0-1-8,0-2 0,0 3 1,0-1-1,0 0 17,0-2 1,-2-1 0,0 0 22,-2 0 0,-4-3 0,2-1-1,0 2 0,-3 1 0,4 2 0,1 1-27,-1 2 0,0 1 1,1-2 10,-3 0 1,1 2-1,-1-2 1,-2 1 54,-1-2 0,-1 1 1,1-1-1,-1 3-32,0 1 0,0-2 0,0 2 0,0 0-20,0 0 0,-1-2 0,-1 3 0,-2 2-18,2 1 1,0-3-1,3 0 1,-3 1-1,0-1-34,-2 1 0,1-1 0,3 4 22,0 0 0,-3-4 0,-1 1 0,2 0 23,0 2 0,3-3 0,-3 1 0,0 0-3,-1 2 1,-1 0-1,4-2-10,0 0 1,0-2-1,0 2 1,-1 0 0,-1 0-14,-2 2 0,1-2 0,3-1 1,0 1-17,0 2 0,-1-2 0,-2-1 0,0 2 20,1 0 0,0 2 1,1-1-1,-1-1 8,-2-2 0,1 0 0,3 4 0,0 0 0,0 0 1,-1 0 0,-1-1 0,-2-1 0,2-2 1,1 1 0,1 3 0,0 0-1,0 0 0,0 0 0,0 0 0,0 0-2,0 0 0,0 0 0,0 0 0,0 0 0,0 0 0,0 0 0,1 0 0,-1 0 0,3-4 0,1 0 0,-1 2 0,-2 1 0,-1-3 0,1-1 0,2 0-3,0 0 1,1 1 0,-4 1 0,2-2-8,1-1 0,-1 3 0,1-4 0,-1 3 0,-1 0-4,3-1 1,-3 3-1,3-4 6,-3 1 0,-1 0 0,0 3-9,0-2 0,0 0 0,0 4 1,0 0-1,0 0 1,1 0-1,-1 0 1,0 0-25,0 0 1,0 0 0,-1 0 0,-2 0-9,0 0 0,-2 0 0,3 0 1,-2 0-49,2 0 0,1 0 0,1 0-205,0 0 1,3 0 0,2-1 301,2-3 0,0-2 0,4-5 0</inkml:trace>
</inkml:ink>
</file>

<file path=ppt/ink/ink27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5:12.210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1387 3386 7420,'-6'-7'0,"0"3"-158,2 4 1,2 0 215,-5 0 0,-1 0 93,-2 0 0,3-2 0,3 0-83,-1-2 1,4-1 0,-4 3-125,0-2 0,2 1 0,-3 2 108,2-3 0,-1 3 0,1-3-5,-3 3 0,1 1 0,0-1 16,1-3 1,-4 3-53,2-3 0,-3 3 0,-1 1-9,0 0 1,1 0-1,-1 0 29,0 0 0,0 0 0,0 0 15,0 0 0,0 0 1,0 0-17,0 0 0,0 0 0,0 0-1,0 0 0,4 0 0,0 0 1,-2 0-10,0 0 1,1 4 0,1-1 0,-1 0 1,-2-2 1,-1-1 0,0 0-15,0 0 0,0 3 1,0 1-1,0-1 2,0-2 0,0-1 0,1 1 0,-1 1-4,0 2 1,0 0-1,0-4 1,0 0-2,0 0 0,0 1 0,0 1 0,0 2-8,0-2 0,-1 0 0,-1-1 0,-2 1 2,2 2 1,1 1-1,1-3 1,-1 3-1,-3 1 0,3-2 0,-2 2 0,1-1-5,2-3 1,1 4-1,-1 0 1,0 1-10,0 1 0,0-2 1,0 2-1,0 0-2,0 0 1,0-2-1,0 1 1,2 2-13,1 1 1,-1-1 0,1 0 0,-1-2-1,-2 2 0,0 0 1,0 2-1,1 0 21,3 0 0,-3-4 0,3 1 0,-3 0 14,-1 2 0,0 1 0,0 0-14,0 0 0,1 0 1,0-1 2,3 1 1,-3-3 0,4-1 0,-2 0-3,1-1 0,4 3 0,-4-4 1,1-1-4,0 1 1,3 3 0,-3-4 0,0 1-14,0 0 1,2 4 22,-3-2 0,1-1 0,-3 0 9,2-1 0,-1 3-11,-2 0 0,2-3 0,2-1 0,1 1 0,-3 1 1,1 5 0,1-3 17,-2-1 1,1 0-12,-4 4 0,0 0 0,1 0-1,3 0 0,-1-4 1,3 0 4,-1 2 0,0 1 0,-3 0-8,2 1 1,3-1 0,-2-1 0,0-2-5,0 1 1,2 2 0,-2 1 5,1 0 0,1 0 1,1 0-11,0 0 1,-5 0 0,5 0 0,-1-1-4,-1 1 1,4 0 0,-4 0 0,1 0 3,1 0 1,-1 0-1,3 0 1,-1 0-13,-2 0 1,0 0-1,4 0-8,0-1 1,-3 1 0,-1 0 5,2 0 0,0 0 21,2 0 0,0 0-4,0 0 0,0 0 0,0 0 11,0 0 1,2-2 0,0 0 2,2-2 0,0 0 3,0 4 1,-1-3 0,4-2-4,1-1 1,-2 2-1,2-3 1,-1-1-7,-1 2 1,4-3-1,-3 4 6,3-1 0,-3-1 0,0-3 13,2 3 0,0-3 1,1 4-7,-3 0 0,3-4 1,-3 4-4,3 0 1,-3-4 0,1 3-1,-1-2 2,-1 2 1,4-3-1,-3 2 1,3 0-18,1 1 1,-4-3-1,0 2 1,2-1 10,0-2 0,2 0 0,0 0 0,0 0 4,0 0 0,0 0 0,0 0-5,0 0 0,-1 1 0,-2 1 0,-1 2 4,2-2 1,1 0 0,0-2 0,1 0 3,0 0 1,0 0 0,0 0 0,0 1-10,0 2 1,0-1 0,0 1 0,0-2 0,0-1 1,0 0 0,-1 0-1,1 0 5,0 0 0,0 0 0,0 0 0,0 0-7,0 0 1,0 0 0,0 0 0,0 0-16,0 0 0,0 4 0,0 0 15,-1-2 0,5-1 0,0 1 0,-2 0-2,-1 2 1,-1-1-1,0-3 1,0 0-3,0 0 0,0 4 1,1 0-1,1-1-5,2 2 1,-1-4 0,-3 3 0,1-2-12,3 2 0,-3-3 1,3 3-1,-2-3 0,1-1 1,-1 4-1,1-1 1,-2 0 5,-1-2 0,0-1 1,0 1-1,1 2 8,3 0 1,-3 1-1,2-4 1,-1 0-1,-2 0 0,-1 4 1,1-1-1,0 0 0,0-2 0,0-1 0,0 1 0,0 1-2,0 2 1,1 0-1,1-4 1,2 0-1,-2 0 0,-1 0 0,-1 0 0,1 1 0,3 3 0,-3-3 0,3 2 0,-3-1-5,-1-2 1,3 0 0,1 0 0,-2 0 2,-1 0 0,-1-2 0,1 0 0,2-2-3,0 2 1,1 1 0,-4 1 0,0-1 3,0-3 1,-4 3 0,0-3 0,2 3 0,0 1 0,2 0 0,0 0 1,0 0-3,0 0 0,0 0 1,0 0-1,0-1 0,0-3 0,0 3 0,0-3 1,0 3-1,-1 1 0,1 0 0,0-1 1,0-2-3,0 0 1,0-1 0,0 4-1,0 0 1,0 0 0,0 0 1,0 0-1,0 0 6,0 0 0,-1-4 1,1 1-1,0 0-1,0 2 0,0 1 0,0 0 0,0 0-2,0 0 0,0 0 1,0 0-1,0-1-15,0-3 0,0 3 0,-1-3 0,1 3-10,0 1 1,-3 0 0,-1 0 0,1-1-27,2-3 1,1 3 41,0-3 0,0 0 0,0 0 6,0 1 0,-4 1 1,0 0-1,2-2 1,-3 0 0,0 3 0,0-1 30,0-2 0,-2 0-41,3 4 0,0-3 1,3-2 8,-3-1 0,-1 3 1,-3-1-6,0-1 1,5 2 0,-4-3 1,2 1 0,-3 1 0,2 1 1,0-1 1,-4 0-1,4 1 2,0 0 0,-4-2 0,2 1 2,-1-3 1,1 1-1,1-2 1,-2 0 0,0 2 0,-2-1 13,0-2 0,1-1 0,1-1-7,2 1 1,-1 2-1,-3 1 1,0-2-1,2 1-6,1 1 1,-1-3-1,1 3-2,-2-3 1,-1-1 0,0 0 7,0 0 1,4 0-1,0 0 0,-2 0 0,-1 1 0,-1-1-9,0 0 0,0 0 0,0 0-9,0 0 0,4 0 0,0 0 3,-2 0 0,-1 0 0,-1 0 0,0 0-13,0 1 1,0-1 0,0 0 0,0 0 18,0 0 0,0 0 0,0 0 33,0 0 1,0 0-1,0 0 1,0 0 10,0 0 1,-1 2 0,-1 0 0,-2 2-23,2-2 1,-3 0 0,1-2 0,0 1 0,0 3 0,1-3 0,-3 3 0,0-2 17,0 2 1,2-3-1,-2 3 1,0-1 2,0 0 0,2-1 1,-3 1-21,-1-1 0,-1-2 0,1 0 1,0 0-29,0 0 1,2 4 0,-1-1 0,-2 1-13,-1 1 0,1-4 0,0 3 0,2-1 44,-2 0 0,0-1 0,-2 1 0,0 0 15,0 0 1,0-1 0,1 1-1,2 0-28,0 1 0,1-3 1,-4 4-1,0-1 0,0 1-27,1 1 1,-1-3 0,0 4 9,0-2 1,0 2 0,0-2-1,0 1-3,0 3 0,0-3 1,0 1-1,0 0 5,0 0 0,0 2 0,1-3 1,-1 2 7,0-1 0,0-1 0,0 3 1,0-3 1,0-1 0,0 4 0,0-3 0,0 0-7,0-2 1,0 1 0,0-1-1,1 1-1,-1 0 1,-4 3-1,1-3 1,0 1-2,2 2 0,1-2 1,-1 2-1,-1-1-21,-2-1 1,1 4 68,3-3 0,-4 3-40,0 1 1,1 0 0,3 0 0,0 0-4,0 0 1,-3 0-1,-1 0 1,2 0-2,1 0 1,1 0 0,0 0-1,1 1-262,3 3 1,-3-3-1,3 3-183,-3-3 1,3-1 444,-1 0 0,1 0 0,-4 0 0</inkml:trace>
  <inkml:trace contextRef="#ctx0" brushRef="#br0" timeOffset="1631">1092 3287 7457,'0'-6'-248,"0"1"0,0 7 422,0 1 43,0-2-154,0 4-29,0-5 1,-3-1 0,-1-3 0,2-3 11,0-3 0,2-1 0,0 1 1,0-3-31,0-1 0,0 0 0,0-4 0,-1-1-11,-2-2 1,1-1-1,-1 1 1,2-1 1,1 0 0,-2-4 0,0 1 1,-2-1 4,2 0 0,1 3 1,-1-4-1,0 2 21,-2-1 0,-1-4 0,3 1 0,-2-3 14,2-1 1,0-1-1,-1-2 1,-1-4-54,2-3 1,0 0 0,-1-2 0,0-1 4,0-2 1,2 1-1,1 3 1,0 1-4,0-1 1,-4 0 0,1 1 0,0-2-1,2-3 1,0 0 0,-2-4-1,0 2 13,0 1 1,2-4 0,1 2 0,0 1 1,0-1 0,0-2 0,0 3 0,0-2 29,0-4 1,0-7 0,0-1-1,-1-3-26,-3 3 1,3-3 0,-3 6 0,3 3 14,1 0 0,-3 1 1,-1 1-1,1 0 5,2 2 1,1 0 0,-1 8 0,-1 0-17,-2 3 0,0 2 0,4 6 0,0 2-29,0 2 1,0-3-1,-1 5 1,-1 0-204,-2 3 157,0-4 0,4 11 1,0-5 19,0 5 1,0-4 0,0 3-1,0 2-114,0 1 0,0 1 0,0 3-858,0-2 1009,0 1 0,5 3 0,1 0 0</inkml:trace>
</inkml:ink>
</file>

<file path=ppt/ink/ink27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5:15.399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1 4391 8044,'1'-11'-90,"2"0"82,0 0 1,4 4-1,-2-1 1,0 0 9,0-2 0,0-1 1,-1 0-1,2 0 11,0 0 0,2-1 1,-3-1-1,1-2 2,3 2 0,-3 0 1,1-1-1,1-1-15,2-2 1,1 0 0,0-3 0,0 2 31,0-1 0,0-2 0,1-1 0,1 0-15,2 0 0,1 1 0,-3-1 0,3 0-15,1 0 0,0-3 1,2-1-1,-1 1-4,2-2 1,0 0 0,2-3-1,0 1 5,0-2 0,1 0 0,1-2 1,2-1-16,-2-2 1,-1 2 0,-1-4 0,0 2-17,-1-1 0,3-3 0,0 4 0,1 1-6,0 1 0,1 1 0,1-1 1,0-2 2,-1-5 1,3 0 0,-1-1 0,1-1 5,2-2 1,2-4 0,-7 1 0,1 3 14,0 4 1,-2 2 0,-3 4-1,1-1 7,3 1 1,-3 1-1,2 0 1,-2-2 6,-1 0 1,0-4-1,1 2 1,1 1-4,2-1 1,3-6 0,-3 3-1,1 0 7,0-2 1,2 6 0,-4-1 0,1 1-7,1-3 1,-3 2 0,4 0-1,-2 2 3,-1 0 0,-2-2 0,-1 3 0,-1-2 21,1 2 0,0 1 0,0 0 0,-1 0 7,-3 1 1,2-2-1,-1 6 1,1-1 0,2 1 0,0-5 0,0 3 0,0 1-8,0-2 1,-2 2 0,0 0 0,-2 2-21,1 1 0,2-6 0,1 3 0,-1 0-10,1-2 0,-1 6 0,-2-1 1,0 1 0,0 1 1,0-1-1,1 5 1,-3 0 0,-1 3 0,-2-2 1,-3 6-1,0-1-65,0-1 0,-1 4 0,-2-2-66,-1 2 1,-1 1-1,2 0-120,-5 0 1,-1 4-353,-2-1 605,4 1 0,-2 1 0,2 1 0</inkml:trace>
  <inkml:trace contextRef="#ctx0" brushRef="#br0" timeOffset="2785">1868 11 7470,'0'-6'454,"0"1"-23,0 5-300,-4 0 0,1 0-93,-4 0 1,3 0-30,-3 0 0,3 0 0,-2 2-70,1 1 0,-3 0 0,1 4 45,-3 1 0,3-1 1,-1 0-1,0 1-24,-2 2 1,-1 5-1,1-1 1,2 1 26,1 0 0,-1 1 0,-1 4 1,0-3-38,2-2 0,1 4 0,-1-4 0,2 2-1,0 3 1,4-3 0,-4 1-1,1 0 1,1-1 1,-1 3-1,4-6 1,1 0 10,3-2 0,1-1 0,3-2 0,-1 0-6,2-2 0,1-5 0,2 3 0,1-1 61,2 0 1,-1-1 0,-3-4 0,0-1-2,0-2 0,0-5 0,-1 2 0,-2-1 18,-1 0 0,-3-4 1,2 4-1,-1-1 56,-3 0 1,0-1 0,-2-1 12,0 0 0,-4 0 0,-1 1 0,0 2-13,0 1 0,-2 3 1,2-2-24,-1 1 0,2 1-110,-3 4-51,5 0 1,2 0 2,7 0 0,3 0 75,1 0 1,0 0 0,0 0-3,-1 0 1,1 4 27,0 0 0,0 3 11,0-3 0,-4 3 1,-1-2 1,-1 1 0,-1-3 0,-4 5-4,0 0 1,0-2 0,0 2 0,0 0 1,0-2-18,0 1 0,4-3-5,-1 3 0,2-4-5,-1 0 0,1-3 0,3-3 89,-1-4 1,-1-3-1,3-1 1,-2 0-24,2 0 1,-3 1 0,1 2 0,2 1-53,0-2 0,1-1 0,-2 1 0,0 0-188,0 2 0,2 3 0,1-2 1,0 0-390,0 0 1,0 4 570,0-2 0,4 3 0,2 1 0</inkml:trace>
  <inkml:trace contextRef="#ctx0" brushRef="#br0" timeOffset="3238">2229 230 7936,'-6'1'18,"2"3"-63,3 3 1,-3-1-1,1 1 1,0 2 44,2 0 1,1 2 0,0 0 0,0 0-15,0 0 1,5 0-1,1 0-101,0 0 1,4-4 38,-3 0 1,3-4 0,1 1 90,-1-3 1,-3-2 0,-3-2 0,0-2 0,0-1 0,1 0 0,-3-2 0,2 0-7,-2 0 1,-1-6 0,-1 0 0,0 1-2,0 0 0,0 3 1,-1-3-30,-3-1 1,-2 3 0,-3-1 0,0 5-113,2 2 1,3 1 6,-3 4 1,4 5 0,0 2 125,2 3 0,1 6 0,0 1 0</inkml:trace>
  <inkml:trace contextRef="#ctx0" brushRef="#br0" timeOffset="3681">2425 219 7885,'6'0'-32,"-1"1"0,-5 3 0,0 3 105,0 3 0,0 1 0,0 0 0,0-1-2,0 1 0,0 0 0,0 0-58,0 0 1,1-1-1,3-3-87,3-3 1,-1-3 0,2-1 78,0 0 1,2-6 0,1-4-12,0-3 0,-4-2 1,0 3-1,2-1-134,1-2 0,-1 1 1,0 2-1,-2-2-443,2 0 1,0-1 582,2 4 0,0 5 0,0 1 0</inkml:trace>
  <inkml:trace contextRef="#ctx0" brushRef="#br0" timeOffset="4332">2742 230 7232,'11'-6'183,"-4"0"-124,1 2 0,-2 2 0,1-6 1,1 1 54,-4-4 0,-2 5-68,-5 2 0,0 3 0,-4 1-6,-1 0 0,-1 5 0,1 1 1,2 1-18,1 1 0,-3-1 0,4 4 1,-1 0-46,0 0 0,1-4 0,3 0 11,-3 2 0,3 0 0,-1 2 21,4 0 1,1-3 0,4-2-24,1-2 1,2 0 0,1-4 29,0 0 1,3 0 0,1 0 29,-2 0 0,-1 0-24,-1 0 1,0 0 43,0 0 146,-5 0 0,-1 5-18,-5 2 0,0-1 72,0 2-290,0-6 1,5 3-1,2-6 45,3-3 0,-3-2 1,1-5-1,0 0 128,2 0 1,1 0-1,0 0-123,0 0 1,-1 1 0,1-1-1,0 0-54,0 0 0,0 0 1,0 1-133,0 3 1,0-3-1,0 4-908,0 0 1067,0 1 0,0 0 0,0-1 0</inkml:trace>
</inkml:ink>
</file>

<file path=ppt/ink/ink27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5:21.279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165 306 7751,'0'-6'1159,"0"0"-593,0 3-313,0 1 1,-2-6-168,-1 4 0,-3 1-73,-5 3 0,3 0 0,1 1-166,-1 2 0,2 0 0,-2 4-83,0 2 1,2 0-1,0 2 84,1 0 0,1-3 0,4-1-16,0 1 1,0 2 0,1 0 93,3-3 1,2 1-1,5-3 59,0 1 1,0-3 0,0 0 0,-1 0-77,-3 1 1,3-3 260,-3 2 1,-2 3-99,-2 2 1,-5 1-1,-3 1 1,-1-1-69,-3-2 0,-4-1 0,-1 2 0,-1-1-20,-1-3 1,4 0-1,-2-4 1,1 0-82,2 0 0,1 0 0,0-1-184,3-3 1,-2 2-1,5-6-74,2 0 355,1-2 0,10-1 0,4 0 0</inkml:trace>
  <inkml:trace contextRef="#ctx0" brushRef="#br0" timeOffset="623">383 372 7072,'7'-1'132,"1"-3"1,-1 3 0,3-4-76,-3 0 0,-1 4 0,-4-4 133,2 0 24,0 4-160,-4-4 0,-5 5 0,-3 0 1,-1 0-44,-2 0 0,0 1 0,0 2 1,0 2-21,0 1 0,0 1 0,0 4-21,0 0 1,2 0-1,0 0 1,3 0 5,1 0 1,2-4 0,3 0-74,0 2 0,1 0 1,2 1-1,5-3 4,1-3 0,2-2 0,0 1 0,1 0-78,3 0 0,1-3 1,3-3-1,-1-1-83,2-3 0,-3 4 254,1-4 0,-5-1 0,3-3 0</inkml:trace>
  <inkml:trace contextRef="#ctx0" brushRef="#br0" timeOffset="1657">656 394 6302,'5'-6'329,"-4"0"-293,3 2 189,-3 3 77,-1-4 73,0 5-85,0 0 1,-1-4-26,-3 1-199,3-1 0,-9 4 8,3 0 1,-3 0-55,-1 0 1,0 0 0,0 1-7,0 3 1,2-2 0,0 6-67,2 0 1,5 2 0,-3 1 18,0 0 0,4 0 0,-3-1 0,3 1-31,1 0 0,0 0 0,1-1 1,1-2 4,2 0 1,3-5 0,-2 3 0,1-1 7,3-2 1,0-2-1,2-1 4,0 0 0,0-1 0,0-2 0,0-2-26,0-1 0,0-1 0,0-4 7,0 0 1,-4 2 0,-1 0-1,-1 2 0,-1 3 322,-4-3 58,0 4 1,0 0-278,0 6 0,0 0 0,0 4-35,0 2 1,0-3 9,0 1 0,1 0-327,2 4 0,4-4 80,3 1 1,1-6 0,0 2-92,0-3 1,0-2 325,0-3 0,-5 3 0,4-9 0,-4 4 0</inkml:trace>
  <inkml:trace contextRef="#ctx0" brushRef="#br0" timeOffset="1942">853 416 7128,'0'7'-811,"0"0"1211,0 2 0,0-3-213,0 1 0,1 0 61,2 4 0,0-5 1,4-3 17,2-6 0,-3-3-175,1-5 0,0 0 1,4 0-144,0 1 1,1-3 0,2 0 0,0 0-190,-1 3 0,0-1 0,-2 5 0,-1 0-448,1 2 1,0 3 688,0 1 0,0 0 0,0 0 0</inkml:trace>
  <inkml:trace contextRef="#ctx0" brushRef="#br0" timeOffset="2356">1289 372 7959,'-6'-5'457,"-3"4"0,3-3-428,-5 8 0,0-2 1,1 6-1,2-1 73,0-1 1,2 4 0,-2-3 0,2 3-144,1 1 1,0-1-1,2 1 1,0 0-53,0 0 1,3 4 0,4-1-33,3 0 0,3-7 1,2-3-1,2-3-42,0-1 1,4 0 0,-2-1 0,1-3-88,2-3 0,-2-3 1,0-2-1,0-2 254,0 0 0,-3-1 0,2 4 0</inkml:trace>
  <inkml:trace contextRef="#ctx0" brushRef="#br0" timeOffset="2783">1508 1 7553,'0'11'90,"0"3"1,-1 3 0,-2 3 59,0 3 0,-5 9 0,3 2 0,-1 4-49,-2 3 1,-2 0 0,0 1 0,3-3-19,4-2 0,-2-2 0,1-6 1,2-3-104,0-3 1,6-6 0,2-4 0,3-3-17,3-3 1,1-4-1,-1-2 1,2-6 23,0-6 1,6-3-1,-3-1 1,1-3 43,0-3 1,-1-1-1,1 2 1,-2 0 110,0 2 1,-4 8 0,1 0 0,-3 1 78,-3 3 0,0 1-134,4 5 1,-5 5 0,-1 3 0,-1 5-134,0 1 0,-1 4 1,-2-2-1,2 0-418,0 0 1,5-2 0,-3-3 462,1 0 0,6 0 0,5 0 0</inkml:trace>
</inkml:ink>
</file>

<file path=ppt/ink/ink27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5:26.550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121 842 7380,'-6'-5'-193,"2"-3"399,3-1 1,-3-3-1,-1-3 1,0-3-73,1-3 1,-4-1-1,3-1 1,-1-2-4,-2-4 0,2-3 0,0-2 0,0-1-189,0-1 1,2-6 0,-2 2 0,1-3-48,3-5 1,-3 1-1,1-3 1,2 5 84,1 3 1,1 3-1,0 10 1,1 3 66,2 3 1,5 6-1,5 4 19,2 5 1,3 3-1,-2 6 1,1 4-167,2 6 1,5 1 0,2 6 0,-2 0 89,-1-1 0,-1 6 0,0-2 0,-2 0 10,-1-1 0,1 8 0,-3-5 0</inkml:trace>
  <inkml:trace contextRef="#ctx0" brushRef="#br0" timeOffset="258">1 492 8296,'1'7'125,"2"0"-164,5-3 1,1 1-1,4-2 1,0 0-261,1 0 1,2-2 0,-2-1 0,0 0-73,0 0 0,1 0 371,0 0 0,4 0 0,-2 0 0</inkml:trace>
  <inkml:trace contextRef="#ctx0" brushRef="#br0" timeOffset="625">274 547 8079,'-5'-6'39,"4"1"1,-4 10 0,5 2 0,0 3 60,0 1 0,0 0 1,1-1-150,3 1 0,0-3 1,5-2-1,-2-1-45,2-3 1,0-1 0,2-2 0,0-1-81,0-2 1,0-5-1,0 2 1,0-3 37,0 0 1,-4-1 0,-1-2 0,-1 0 67,-3-1 1,0-1 0,-2 4-1,0 0 6,0 0 1,-2 4 0,-1 1 0,-4 1 110,-3 3 0,-1 0 0,0 2 1,0 0 67,0 0 0,0 5 0,2 3 1,0 1-88,2 2 0,4 0 0,0 0 1,1 0-322,2 0 0,4 0 291,0 0 0,9 0 0,-1 0 0</inkml:trace>
  <inkml:trace contextRef="#ctx0" brushRef="#br0" timeOffset="852">481 580 8079,'0'10'-3,"0"1"0,0 0 131,0 0 1,5-5-46,2-2 1,3-7 0,1-1 0,0-4 17,0-4 1,0 1 0,1-4-1,1 0-202,2 0 1,3 1-1,-2 3 1,-1 0-938,1 0 1038,8 0 0,-5 0 0,7 0 0</inkml:trace>
</inkml:ink>
</file>

<file path=ppt/ink/ink27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5:31.163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176 77 7466,'11'0'-737,"-1"-5"1031,-3 4 68,-3-4 13,-4 5 613,0 0-589,0-5-67,-4 4-220,-3-4 1,-3 5-132,-1 0 0,3 0 0,2 1 10,1 3 0,-3-3 0,1 4 8,-3 0 0,3-3 0,-1 5-18,0 2 0,-1-3 1,1 1-1,1 0 3,-2 0 1,3 2 0,0-1-1,0 1 15,0 2 1,0 0-1,-3 0 1,3 0-32,1 0 0,1 0 0,1 0 0,-1 0 21,2-1 0,-3 1 1,2 0-1,0 0-35,2 0 1,1 0-1,0 0-14,0 0 1,5 0 32,2 0 0,3 0 1,1-2-1,-2 0 14,-1-2 0,1-3 1,-1 2-1,1-1 11,2-3 1,0-1 0,0-1 0,0 0-10,0 0 1,-4 0 0,1-1 0,0-2 13,2-5 0,-1 2 1,0 0-1,-3 0-1,-1 0 1,0 2-1,-3-3 7,2-1 0,-1 2 0,-1-1 0,0 1 45,2 0 0,-1 3-10,-3-5 1,-1 2 0,-1-2 27,-2 1 1,-4 4-34,0-1 1,2 3 0,0 0 0,0-1 49,0-2 0,2 0-77,-3 4 29,5 0-218,-3 0 121,5 0 1,1-3-1,3-1 1,-2 0-244,5 4 0,1 0-476,3 0 0,-4 0 775,0 0 0,-4 5 0,1 1 0</inkml:trace>
  <inkml:trace contextRef="#ctx0" brushRef="#br0" timeOffset="627">176 306 7106,'-6'0'382,"1"0"1,6 0 0,3 0-310,3 0 0,-1 0 0,1 0-143,2 0 1,-3 0 0,1 0-270,2 0 1,-3 0 0,1 0-575,1 0 913,2 0 0,1 0 0,0 0 0</inkml:trace>
</inkml:ink>
</file>

<file path=ppt/ink/ink27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5:42.284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274 240 7195,'0'6'-535,"0"-1"248,0-5 3222,0 0-2697,0-5-51,0 4-167,0-4 0,-2 5-217,-1 0 36,2 0 0,-4 2 103,5 1 1,-4 0-40,0 4 1,0-3 42,0 3 0,2-4 0,-5 5 5,3 0 0,-4-2 0,3 0 0,1 0 19,-1 1 1,0-4-1,1 4 11,-3 2 1,1-1 0,0 1 7,1-2 0,-3-3 8,0 3 0,-1-4 110,-2 0 0,0 2 11,0-1 1,0-1-110,0-3 0,0 0-49,0 0 0,4 0 0,0 0 28,-2 0 1,3 0-1,0-1-79,1-3 1,0 3-2,2-2 0,0 1 1,-3 1 14,1-2 0,0 1 0,3-3-44,-2 1 1,1 1 28,3-4 1,0 3 118,0-3 1,0 3 4,0-3 0,0 3-36,0-3 1,1 4 0,1-5-14,2 0 0,1 3 1,-3 0 18,2 0 1,3 3-1,-3-6-9,-2 0 1,1 3 0,-1 0 31,2 0 0,1 4 0,-3-4 105,2 0 1,0 3-109,0-5 0,-1 3 16,4-3 1,-4 3-9,5-3 0,-5 5 0,3-3 1,0 1 51,1 0 0,-4 1 0,4 2-52,2-3 1,-3 3-1,0-4-18,-1 0 1,3 4 0,-1-4-5,-1 0 0,0 4 0,-4-4 0,3 1-10,1 1 0,-4-2 0,3 2 35,0 0 1,-2-5-6,4 5 1,-5-6 17,2 2 1,-2 2-1,1 0-4,0 1 1,1 1-51,-4-4 1,0 3 0,0-3-9,0-2 0,0 3 0,0-1-11,0-1 1,0 1 46,0 0 1,-5 0 26,-2-4 0,1 5-13,-1 2 1,3 3-28,-3 1 0,-1 0-68,-3 0 0,4 0 1,0 0-62,-2 0 1,5 1 0,-1 2 99,0 0 1,0 6 2,-2-2 1,-2-1-1,6 1 57,0 2 1,2-3 28,1 1 0,0 1 0,0 3 1,0-1 1,0 1 0,0 0 0,0 0-6,0 0 0,0 0 1,0 0-1,0 0-56,0 0 1,4 3 0,-1 1 0,1-2-58,1-1 0,-3 3 0,4 0 0,0-2-45,0-1 0,2-1 1,3 0-1,-1 0 7,1 0 0,4 0 0,-1-2 1,1 0-37,1-2 0,-4-1 1,4 3-1,-2-2-700,1 1 0,-4-3 824,-4-1 0,0 2 0,4 0 0</inkml:trace>
</inkml:ink>
</file>

<file path=ppt/ink/ink27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6:00.739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44 12 7837,'0'-6'410,"1"1"-534,3 5 1,-3 1 126,2 3 1,-1 2 0,-2 5-16,0 0 0,0 1 1,0 1-1,0 2-3,0-2 0,0 3 0,0-1 1,0 2 11,0 3 1,0-1 0,0 1 0,0-2-51,0 1 0,0 1 0,0-2 0,0-2-17,0-1 1,0-2 0,0 1-5,0-2 0,0-1 21,0 0 1,0-4 0,-2-1-66,-1-1 0,2-2 1,-3-7-94,3-3 1,1-4 0,0-2 210,0-2 0,0-4 0,0 2 0</inkml:trace>
  <inkml:trace contextRef="#ctx0" brushRef="#br0" timeOffset="872">11 23 7558,'-6'0'1040,"1"0"-1122,5 0-67,0 0 0,5 0 173,2 0 0,-1 0 0,2 0-5,0 0 1,-2 0 0,1 0 15,2 0 0,1 0 0,1 0-31,-1 0 1,1 0-1,-1 1 1,-1 1-18,-2 2 0,0 1 7,4-2 1,-4 2-1,-1 4-28,-1-2 1,-1 0 0,-4 4 15,0 0 1,0-4 16,0 1 1,0-1 1,0 4 1,-1-4 0,-3 0-3,-3 2 0,1-1 1,-2 1 3,0-2 1,2 0 0,-1 4-14,-2 0 0,4-3 1,2-1-3,1 1 1,-1 2 6,-1 1 0,0-4 0,6 1 52,1 0 1,0-3 0,3 0 0,0-2 55,0 1 1,1 1 0,4-3-1,0 3-96,0 1 1,0-3 0,0 2 0,0-1 20,0 4 1,0-2 0,-1 1 0,1 2-280,0 0 0,-1 3 0,-1 2-341,-2 0 0,-5 1 0,2-4 592,-3 0 0,4 0 0,1 0 0</inkml:trace>
  <inkml:trace contextRef="#ctx0" brushRef="#br0" timeOffset="1925">535 154 8002,'-1'-6'-269,"-3"2"1,3 2 503,-3-2-201,-2 3 1,0 1-10,-5 7 1,4 3-1,1 1 1,0-2-20,0-1 0,2 5 1,-2-2-1,1 1 0,3 0 0,-3 3 0,1 0 0,2 1 3,1 0 1,1 2 0,0-2 0,0 0 2,0 0 1,0 2-1,1-4 1,1 0-21,2-2 0,5-1 0,-2 0 1,3-2 10,0-1 1,1-4 0,0-4-1,0 0-3,0 0 0,0 0 1,0-1-1,0-2-6,0-5 1,0-3-1,0-2 1,-2-3 18,-1-1 1,0-1 0,-3-4 0,0 0 6,0 1 0,-2-1 0,-3 0 0,0 1-26,0 3 1,-4-3 0,-4 4 0,-1 0-185,-2 3 0,0 3 1,-1 4-1,-2 3-67,0 3 0,-2 1 0,3 2 0,-2 4 257,2 5 0,0 6 0,3-2 0,-1 4 0,0-2 0</inkml:trace>
</inkml:ink>
</file>

<file path=ppt/ink/ink27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6:37.147"/>
    </inkml:context>
    <inkml:brush xml:id="br0">
      <inkml:brushProperty name="width" value="0.06" units="cm"/>
      <inkml:brushProperty name="height" value="0.06" units="cm"/>
      <inkml:brushProperty name="color" value="#004F8B"/>
    </inkml:brush>
  </inkml:definitions>
  <inkml:trace contextRef="#ctx0" brushRef="#br0">263 99 8007,'0'-11'393,"-1"2"-68,-3 1 0,2 2 314,-6 3-294,6 1-281,-8-3 1,4 5 60,-5 0 1,4 0-106,0 0 0,-1 0 25,-3 0 1,4 0-1,0 0-78,-2 0 0,3 0 22,-1 0 1,0 0 4,-4 0 0,3 4 1,1 1 18,-1 1 1,2-2-33,-2 3 0,6 0 1,-3 3-1,1-2-35,1 0 0,-2-1 0,3 4 0,-2 0 5,1 0 0,-1 1 21,0 2 1,-3-1 0,3 1 0,0-2 28,0-1 0,2 0 1,-3 0-1,2 0 9,-1 0 1,1-4-1,3 0 1,-2 2-5,-1 1 0,1 1 0,-1-1 15,2 1 1,1-3 0,0-1-1,-2 0-9,-1-1 0,2 4 0,-3-3-5,3 3 0,1 1-1,0 0 1,3 0 0,1 0-11,-2 0 0,4 0 9,2-1 0,1 1 1,2-1-6,0-3 0,-3 2 1,-1-4 19,1 1 1,2-3 0,1 5 58,0 0 0,-4-2 0,0 0 0,1 0 1,-2 0 0,4-2 0,-3 2-55,3-1 1,0 4 0,1-3-19,0 0 0,-3 0 0,-1-4 2,1 2 0,1 1 0,-1-3 0,0 2 23,0-2 1,-2-1 0,1 1-14,2 1 1,1-2 0,1 3 0,-1-3-20,1-1 1,-3 1 0,-1 2 0,1 1-1,2-2 1,-3-1-1,1-1 1,0 0-30,2 0 1,1 4 0,0-1-1,0 0 0,-4-2 1,0-1-1,2 0 19,0 0 1,2 0-1,0 0 4,0 0 0,0 0 1,0 0 1,0 0 1,4-4 0,-1 1 5,-1 0 0,0 2 1,-2 0-3,-1-3 1,1 3 74,0-3 1,0 0 0,0-1-48,0-1 1,0 3-1,-1-2 1,-2 2-20,-1-1 0,0-1 0,1 3 0,-1-2 10,2 2 0,-3-3 0,1 0 2,2-1 1,-3 4-1,0-3-7,-1 0 0,2 2 1,-3-4-4,-2-1 0,0 2 0,1-2 15,0 0 0,2-1 0,-2 1 1,0 1 21,0-2 1,-2-1 0,0-1 0,2 1-21,0-1 1,2 1-1,-2 1 1,0 2-5,0-1 0,-1-2 0,0-1 1,2 0 1,0 4 0,-3 0-138,3-2 102,-3-1 1,4-1-1,-4 2 6,3 1 0,-3-1 0,2 1 29,-1-1 1,-2-2 0,0 0-1,0 0 16,0 0 1,0 4-1,0-1-29,0 0 0,0 2 0,0-1-11,0-2 0,0 3 0,0-1-22,0-2 1,-2 0 15,-1-2 0,0 0 0,-4 0 42,-1 0 1,1 1 0,0 2 0,0 0 31,1 0 0,-3 2 1,5 0-1,-3 0 3,-1 0 1,2 2 0,-1-2 0,-2 1-41,-1 3 1,3-3 0,0 1 0,0 1-15,0-2 0,-2 3 0,2-1-34,-3 2 1,-1-3-1,0 0-18,0 2 0,0 1 0,0-1 0,0 0 21,0-2 0,0 1 0,1 3 0,-1 0-35,0 0 0,0 0 0,0 0 1,0 0-15,0 0 1,0-4 0,0 1 0,0 0-7,0 2 1,-3 1 0,-1 0 0,2 0-10,1 0 1,-3 0 0,1 0 0,-1 0-46,-1 0 0,4 0-97,-2 0 1,-2 0 102,1 0 0,-3 4 0,3 0 1,2 2-1,0 3-376,-2 1 1,3 1 0,-2-1 164,1 1 1,4 4 0,0 0 0,3-1 326,1 2 0,2-4 0,3 4 0</inkml:trace>
</inkml:ink>
</file>

<file path=ppt/ink/ink27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6:41.635"/>
    </inkml:context>
    <inkml:brush xml:id="br0">
      <inkml:brushProperty name="width" value="0.06" units="cm"/>
      <inkml:brushProperty name="height" value="0.06" units="cm"/>
      <inkml:brushProperty name="color" value="#004F8B"/>
    </inkml:brush>
  </inkml:definitions>
  <inkml:trace contextRef="#ctx0" brushRef="#br0">5614 99 6878,'-11'-2'203,"0"-1"1,4 2-83,0-3 1,-1 3 91,-3 1 1,0 0-80,1 0 1,-1 0-1,0 0 24,0 0 0,0 0 0,0 0-49,0 0 1,0 0-1,0 0 1,0 0-22,0 0 0,0 0 0,0 0 0,1 0-22,-1 0 0,0-4 0,0 0 0,0 2-6,0 1 0,0 1 1,0 0-1,0 0-34,0 0 1,-1 0 0,-1 0-1,-2 0-1,2 0 0,-3-4 0,2 1 0,0 0 4,2 2 0,-2 1 1,-1 0-1,0-1 1,0-3 0,1 3 0,-3-3 1,2 3-2,1 1 0,-2-4 0,2 1 0,-1 0-35,-1 2 1,4 1 0,-3 0 0,0-1-2,0-3 1,-3 3 0,2-3 0,1 3 3,-1 1 1,-2-4 0,3 1 0,2 0-7,1 2 1,-3 0 0,-1-1 0,1-2 17,-1 2 0,-2 0 0,3 2 1,2-1 4,1-3 0,-3 3 0,-1-2 0,0 1-6,1 2 0,-4 0 0,5 0 0,1 0-5,0 0 0,-1 0 0,-1 0 0,1 0-5,-2 0 1,4 0 0,-4 0 0,2 0-4,-1 0 1,-1 0-1,3 0 1,-2 0 3,2 0 1,-3 0-1,2 0 1,-1 0 19,-1 0 1,4 0 0,-4 0 0,2 0-10,-1 0 0,1 0 0,2 0 0,-2 0 0,0 0 0,-1 0 0,4 0 0,0 2-8,0 1 0,0-2 0,-1 3 1,-1-1-8,-2 0 0,1-2 0,3 3 0,0-3-2,0-1 1,0 4 0,0-1 0,0 0 3,0-2 0,0-1 1,0 1 35,1 3 0,-1-3 1,0 3-28,0-3 1,0 0 0,0 2-8,0 0 0,0 5 0,0-5 0,0 0 1,0 2-1,0-2-1,0 0 1,1 1-1,0 1 1,1 0-1,2 0 0,0-1 0,-3-3 0,2 1 2,0 2 0,2 1 0,-2-3 0,0 2 0,1 3 0,-4-2 0,0 1 0,0-2 0,1 2 0,0 0-1,3 0 0,-3-4 0,4 3 0,-2-1-17,1-1 1,1 2-1,-2-2 1,2 2 18,1 1 1,-4-4-1,3 3 1,-1-1 9,0-1 1,3 2 0,-3-2 0,-1 1 39,2 2 0,-3-2-45,1 3 1,0-3 0,-1 2 0,2-1 0,-1-3 1,2 3-1,-2-1 1,1-1-19,1 2 1,-4-3-1,4 2 1,-1 0-28,0 0 1,0 1 0,-1-3 0,1 3 11,-2 1 1,3-4 0,0 3 0,0-1 19,0-1 1,2 5 0,-2-3 0,0-1-8,0 1 0,2 3 1,-2-4 0,2 2 0,-5 2 4,2 3 0,1-2 0,0 0 1,0-3-12,0-1 0,2 3 12,-3 0 0,4 1 0,-2 2 13,0 0 1,4-4-1,-2 1-1,1 0 0,2 2 15,0 1 1,-3 0-1,-1 0-17,2 0 0,0-1 0,2 1-9,0 0 1,-3-3-1,-1-1-23,2 1 0,1 2 0,1 1-16,0 0 0,1-1 0,1-2 14,2-1 1,1 1-1,-3 3 23,2 0 0,1-2 0,-3 0 0,2-2 15,-2 2 0,3-3 0,-1 1 0,-1 0-6,2-1 1,-2 3 0,3-4 0,0-1 15,0 1 1,1 3 0,4-4 15,0 2 0,0-2 0,0 2-4,0-1 1,0 0-1,-1-3-9,1 2 1,0 0 0,0-4 0,-1 1 19,-3 2 1,3-1 0,-3 1-18,3-1 0,1 1 0,0 1 0,0-2-11,0-1 0,-4-1 0,0 2 0,2 0-8,0 2 0,-1 1 0,-1-3 1,1 2-11,2-2 0,1 0 1,0 1-2,0 1 0,-1 0 0,-2-1 1,-1 0 6,2 0 1,1-2 0,0 0-2,1 3 1,0-3-1,0 3 1,-1-2 1,-3 2 0,7-3 0,-4 4 13,3 0 0,0-4 2,2 3 0,-3 1 0,2-2 1,-2 0-3,-1-2 0,0 0 0,0 1 1,0 2 0,0-2 0,0 0 0,0-1 0,0 1-5,0 2 0,0 0 0,1-3 0,1 1-15,2 2 1,-1 0 0,-3-4-1,0 0 7,0 0 0,3 1 0,1 1 0,-2 2-2,0-2 1,1-1 0,1-1 0,-2 0-2,-1 0 0,3 2 0,-1 0 0,1 2 1,1-2 1,-4-1-1,3-1 1,0 0-4,0 0 0,-1 4 1,-2 0-1,2-2 2,0-1 0,1 1 1,-3 0-1,1 2 1,2-2 1,-1-1 0,-1 0 0,0 2 0,1 1 1,2-1-1,-2-2 1,0 2-1,-1 0 0,3 1 1,-1-3-1,-1 2-2,2 0 1,-3 1 0,4-3 0,0 2 14,0 0 0,-2 1 0,2-3 0,-1 2-9,-3 0 0,4 1 1,0-4-1,0 0-2,-2 0 0,0 1 0,1 1 0,0 2-22,0-1 0,2-2 1,-4 0-1,1 1-1,1 2 0,-4 0 0,3-4 0,-2 0 16,1 0 0,-1 0 0,1 1 0,-2 1-1,-1 2 1,0 0 0,0-4-1,0 0 30,0 0 0,0 0 0,0 0 1,0 0-9,0 0 1,-1 0 0,1 0-1,0 0-16,0 0 0,0 0 0,0 0 0,0 0 15,0 0 0,0 0 1,0 0-15,0 0 0,0-4 0,0 0 0,-1 2 0,1 1 0,0 1 0,0 0 9,0 0 0,-4-4 0,1 0 0,0 2-1,2 1 1,-3 1-1,0 0 1,2-1 1,1-3 1,1 3-1,-1-3-13,1 3 0,-3 1 1,-1 0-1,1-1-4,2-3 0,-3 3 0,1-3 0,0 3 7,2 1 0,1-4 0,0 1-7,0 0 1,-2 1-1,0-1 1,-2 0 3,2 0 1,0 2 0,1 0-1,-1-2 1,-2 0 0,0-1 0,4 3 0,0-3 0,0 3 0,0-4 0,0 0 0,-2 3 0,0-4 0,-2 1 0,2 3 0,0-1-35,2 0 0,0 1 0,-1-3 0,-2 2 11,0-1 1,-5 1 0,5 1 22,0-1 1,-2 1 0,2-2 4,0-1 0,-2 4 1,1-3-1,2 3 0,-3-3 8,1 0 1,0-4-14,4 1 1,-3 2-1,-2 0-23,-1 0 0,3 3 3,-1-6 0,-2 5 0,0-5 25,0 0 0,-3 2 0,4-1 34,-1-2 0,-1 3 0,-3-1 19,3-2 0,-3 0 0,4-2-40,0 0 0,-3 0 0,4 0-3,-1 0 0,0 1 0,-3 2 0,2 0-32,-2 0 0,3 2 0,-1-1 0,0-1-11,0 2 0,-2-3 1,2 3-13,1-1 0,-3 1 0,1 3 8,-2-5 1,3 2 41,0-1 1,1 1-1,-3-2 41,2 0 1,-1 5-43,-3-5 0,0 1 0,1-3 8,3 3 0,-3 1 1,3 2 3,-3-3 1,-1-3-1,0-1 1,0 1 1,0 2 0,0 1 13,0-1 1,0-2 0,0-1 4,0 0 0,-4 0 0,1 0 0,-1 1 25,-1 3 0,4-3 0,-4 3-49,0-3 0,3 0 1,-4-1-21,1 0 1,-2 0 0,2 1-1,0 2-1,0 0 0,-2 1 1,2-3-1,-1 2 5,-2 1 1,1 0 0,1-1 0,0 1 6,0-2 0,3 1 0,-3-1 0,0 3 18,-1 1 0,0-3-17,-4 0 0,0 0 1,0 0-6,0 0 1,1 5 0,-1-3-9,0 1 0,1 0 0,2 2 4,0 0 0,1-1 0,-4 4 1,0-1-1,0-2-13,0 0 0,-1-1 9,-2 4 1,1-1-1,-1-1 1,2-2-1,1 1 1,4 1-1,-1 0-7,0-2 1,-1-1 0,1 3 0,1-2 5,-2 2 0,3-1 1,-1 1-94,-2-2 1,3 0 0,-1 4-191,-2 0 1,0 0-1,-2 2 1,0 1-100,0 5 1,0 1-1,0 2 388,0 0 0,0 0 0,0 0 0</inkml:trace>
  <inkml:trace contextRef="#ctx0" brushRef="#br0" timeOffset="1610">1 929 7876,'0'7'523,"0"0"1,0 0-396,0 4 0,0 0 1,0 0-104,0 0 1,0 0 0,0 0 0,0 0-34,0 0 0,0 3 0,0 2 0,0 0-21,0 0 0,1 2 0,1-2 0,2 1 44,-2 2 0,0 2 1,-1 1-1,1-1 2,2 1 0,1 0 0,-3 0 0,3 0-4,1 0 1,-2 3 0,2 2 0,-1-1 7,-3 1 1,3 2 0,0-2 0,0 0-15,0-1 1,2 5 0,-4-2 0,1 2-9,1 2 0,0-1 0,3-1 1,-2 1 32,-1 2 0,2 1 0,-3-2 0,0 0 4,1-1 1,-3 1-1,4-1 1,-1-2 14,-3-1 0,0 0 0,-1 4 0,1 0 18,2-1 0,0-2 0,-3 0 0,1 1-57,2 1 0,-1 6 0,-1-7 1,0 2 7,2 2 1,1-1 0,-3-2 0,2-1 4,-2 3 1,3 1 0,-1-2-1,-2 0 5,-1 0 1,-1 2-1,0 0 1,0-1 17,0 1 0,0 4 0,0-1 1,0-1-41,0 1 0,0 2 0,-1-2 0,-1-2 25,-2-2 0,0 5 0,4-5 1,0 1 15,0-1 0,-3 3 0,-1-5 0,2 1 21,0 2 0,2 0 1,0-1-1,0 0-24,0-1 0,0 6 0,-1-5 0,-1 2-12,-2 2 1,0 2-1,4-3 1,-1 0-10,-2-3 1,0 5 0,-3-5-1,1 1 37,3-1 0,-3 5 0,1-5 0,1 2-53,-2 2 1,4-2-1,-3-2 1,3 0 6,1-1 1,0 4 0,0-6 0,0-2-34,0-1 0,0 1 0,0-3 0,0 1-18,0 0 1,1 2-1,1-2 1,2-1 2,-2 1 1,0 2-1,-2-2 1,0 1 64,0 2 0,0-2 0,0 1 0,0-1 9,0-4 1,0 4 0,0-8 0,-2-1-4,-1 2 0,2-2 1,-3 1-1,2-3-40,-2-2 0,3 3 0,-3-3 0,3-2-32,1 0 1,0-3-1,0 1 1,0 0-58,0 0 1,0-4 0,0 1-211,0 0 0,1-3-97,3-1 0,-2-3-699,5-1 1,-1-5 1095,2-2 0,-3-8 0,-5-2 0</inkml:trace>
  <inkml:trace contextRef="#ctx0" brushRef="#br0" timeOffset="3382">306 5231 7932,'8'-3'352,"-2"-2"-234,-1-1 0,0 2 0,-2-3-70,4-2 1,0 3 0,0 0 0,0 0-1,-1 0 0,4 0 0,-4-2 1,1 0-4,0 0 0,1 2 0,3-2 0,0 0 3,0-2 1,-1-1-1,1 0 1,0 1-12,0-1 0,4 0 1,-1-1-1,0-2-15,-2 0 1,2-2-1,2 3 1,0-2 10,0 2 1,-1-3 0,-1 1 0,2 1 35,1-2 1,-3 3-1,3-4 1,0 0-8,0 0 0,-2 0 0,2-3 0,0 2-18,0-1 0,0-1 0,2 0 1,-2 0-14,-1 1 0,3-4 0,-1 4 0,2-1 6,-2-2 1,6-3-1,-2-1 1,1 1-23,0-2 1,0 3 0,2-6-1,0 1-1,-1 1 0,3-2 1,0 3-1,-1 0-20,1-4 0,2 0 0,-2-2 0,0 1 2,-1 3 0,3-2 0,-2 2 0,0-2 6,0 2 1,3-2 0,-2 1-1,1-1-11,0-2 0,0-3 1,4-2-1,0 0 12,-1 1 1,0-3 0,0 2-1,-1-1-20,3-2 0,1 0 0,-2 0 1,0 2 12,0 1 0,-2-1 1,-1 4-1,0 1-1,0-1 1,0 0 0,2 1 0,-2-1-6,0-2 1,4 0 0,-6 1 0,1 0 6,1 1 0,-1-3 0,3 2 0,0-1 7,-3 0 1,3 3 0,-3-3 0,1 3 4,-1 2 0,3-1 1,-4 0-1,1 0 1,0 1 0,-1-4 1,1 1-1,-2 1 28,-1-1 0,-3 0 1,4 2-1,-1 2-24,-1 1 1,1-1 0,-3 2 0,1-3-29,1-1 1,4 2-1,-3 1 1,-2 0-7,-1 0 0,3 2 0,-1-1 0,0 0 10,-2 1 0,-2-2 1,1 3-1,-1 0 19,-3 1 0,3-4 0,-3 5 0,3 1-14,0 1 1,0-2-1,-2 1 1,0 1-20,0-1 1,2 0 0,1 2 0,-2 1-42,-2 3 0,3-5 0,-4 3 1,1 1 35,0-2 1,-4 4-1,1 0 1,0 0 31,0 0 1,-1 4 0,-3-3 0,0 2-13,0-1 0,-4 1 0,0 1 0,2 0 13,1-1 1,1-2-1,0 2 1,-2 0-5,-1 1 1,1-1-1,-1 1 1,1-2-7,2 2 0,0 1 0,-1 1 0,-2 1 3,0 3 1,-2-3 0,2 4-1,-2-1 17,-1 0 0,4-1-14,-2-3 1,-1 2-1,0 0-16,-1 2 0,2 3 15,-3-3 0,-1 3 50,-3-3-19,0 5 1,2-3-57,1 5 18,-2 0 1,4-1 0,-4-2-127,3-1 0,-3 1 1,5 3 0,-3-1-1438,0-3 1571,1 3 0,-4-9 0,0 4 0</inkml:trace>
</inkml:ink>
</file>

<file path=ppt/ink/ink2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48.71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6 315 11373,'-9'0'426,"3"0"0,0 0-229,-1 0 0,3 0 1,-2 1-264,-1 2 1,-1 0-1,-1 4 1,2-1 90,1 1 0,-1 1 0,3 0 0,0 1-140,0 0 1,1 0 0,3-1-1,-2 1 117,-1 0 0,0 0 0,3 0-146,0 3 0,4-2 0,0 1 0,2-2-103,0-3 0,0 1 1,3-5-1,0 0-209,3-1 0,-2-1 1,2-1-1,0-1-1527,0-4 1983,-1-2 0,-2-1 0,0 0 0</inkml:trace>
</inkml:ink>
</file>

<file path=ppt/ink/ink28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6:47.674"/>
    </inkml:context>
    <inkml:brush xml:id="br0">
      <inkml:brushProperty name="width" value="0.06" units="cm"/>
      <inkml:brushProperty name="height" value="0.06" units="cm"/>
      <inkml:brushProperty name="color" value="#004F8B"/>
    </inkml:brush>
  </inkml:definitions>
  <inkml:trace contextRef="#ctx0" brushRef="#br0">12 569 8116,'-6'6'144,"1"-1"1,6-9 0,2-1 0,1-1-100,3-2 0,0-3 0,4-3 0,0-1 3,0-2 0,1 2 1,1-4-1,3-3-77,1-2 1,0-6 0,2 4 0,-2-1 1,-1 0 0,2 1 1,-3 1-1,-2 1 17,-1 4 0,-1-1 1,0 6-1,-1 2 5,-3 1 1,2 5 236,-6-1-191,1 6 0,-4 2 0,-1 8 1,-3 5-39,-3 1 0,-2 5 1,1 0-1,0 1 28,0 2 1,-1 0 0,1-1 0,2-2-194,1-1 1,1-4 0,4 0-103,0-2 0,2-2 197,1-3 1,3-2-1,5-5 1,0 0 38,0 0 0,0-5 1,-1-2-1,-2-3 22,-1-1 1,1-1-1,3-1 1,0-3 56,0-1 0,-1 3 1,1-5-1,0 1 21,0 1 1,-1 0-1,-2 4 1,0-2-28,0 2 0,-2 1 0,0 1 69,-1 0 1,2 4-5,-3-1 1,0 7 0,-4 1-74,0 6 1,-1 4 0,-2 1-1,-2 1-26,-1 3 0,0 2 0,-2 4 0,0 2-100,0 3 1,-2 1 0,-1 3 0,1-2-103,3-1 0,-1-2 0,3-4 1,0-2-72,0-1 1,2-4 0,3 0 0,0-2-144,0-1 0,1-1 405,2-3 0,3-2 0,5-5 0</inkml:trace>
  <inkml:trace contextRef="#ctx0" brushRef="#br0" timeOffset="439">503 405 8157,'-7'4'85,"1"1"0,0 1 46,0 2 1,3 2 0,-1 1 0,0 0-101,0 0 1,-3 3 0,3 1 0,2-2-89,1-1 0,1 3 1,0-1-21,0 0 1,1-6 0,3-2 0,3-1-49,3-3 1,-3 0 0,0-2 0,2 0 53,0 0 0,2-2 0,-1-1 0,-2-3 51,0 0 1,-1-4 0,3 3 0,-2-2 10,-1 2 1,-4-3 0,2 4 0,-2-1 219,1 0 0,0 3 260,-4-3-329,0 4 1,0 0-142,0 6 0,0 3 0,0 5 0,1-1-102,3-3 0,-3 3 1,4-4-1,-2 1-367,1 1 0,4-6 468,0 2 0,6-3 0,3-1 0</inkml:trace>
  <inkml:trace contextRef="#ctx0" brushRef="#br0" timeOffset="926">907 88 8869,'-6'11'313,"1"0"1,2 1-228,-1 3 1,-1-2 0,3 5 0,-3 2 24,-1 0 1,-1 6-1,-4 1 1,1-1-300,3 1 0,-3 3 0,3-1 77,-3 3 0,3-3 1,1-1-1,1-1 1,2-4-44,2-4 0,1 1 0,0-6 0,0 0-78,0-2 1,5-3 0,2 0 0,3-3-31,1-1 1,-1 0 0,-2-3-1,0 2 262,0-2 0,7-10 0,2-4 0</inkml:trace>
  <inkml:trace contextRef="#ctx0" brushRef="#br0" timeOffset="1601">1093 88 8141,'0'8'418,"-1"-1"1,-2 3-392,0 3 1,-2 4-1,2 6 1,-1 2-101,-2 5 1,-2 5 0,-1 2 0,0 1 76,2 0 1,0 0 0,-3-2 0,1-4-179,2 0 1,5 0 0,-2-9 0,2-4-88,-2-2 1,3 1-1,-3-3 72,3-2 1,2-6 122,3-3 0,-3-4 0,3-4 0,-3-4 152,-1-5 0,3 0 1,1-2-1,-2 0 50,0 0 0,-2 1 1,1 3-1,1 0 174,2 0 0,0 0-198,-4 0 0,4 5-135,4 3 0,-2 3-64,1 3 1,0 2 0,4 4 10,0-2 0,0-5 1,0 2-1,0-3 13,0-1 1,0 0-1,0 0-88,0 0 1,0-1 0,-1-1 259,1-2 1,-3 0 51,-1 4 0,-3 1 0,2 3-17,-1 3 0,-2-1 0,-3 2 0,0 0 9,0 2 1,0 1 0,0 0 0,0 0-218,0 0 1,0 0 0,0-1-973,0 1 814,0-5 1,1-1 221,3-5 0,-3-5 0,4-1 0</inkml:trace>
  <inkml:trace contextRef="#ctx0" brushRef="#br0" timeOffset="1812">1290 99 8412,'-11'0'982,"3"0"1,1 0-290,-1 0 0,-1 5-350,2 2 1,2-1-647,5 2 1,5-2 302,2 1 0,8-2 0,2-5 0</inkml:trace>
  <inkml:trace contextRef="#ctx0" brushRef="#br0" timeOffset="2337">1432 503 7885,'-11'0'842,"5"0"-605,1 0 1,5 2-209,0 1 1,1-2-1,3 3 1,3-3-139,3-1 0,1 0 1,-1 0-1,3 0-138,1 0 1,2-1-1,3-1 247,0-2 0,-1-5 0,4 3 0</inkml:trace>
  <inkml:trace contextRef="#ctx0" brushRef="#br0" timeOffset="3364">1858 132 8077,'-8'0'644,"1"0"0,5 1-387,-2 3 0,-1-2 1,1 6-102,2 0 1,-3 7 0,1 3-1,1 2-29,-2 2 1,4 5 0,-4 3 0,1 4-255,1 3 1,-5-2 0,5-4 0,-1 0-143,-1-1 1,4 3 0,-3-8 0,3 0-116,1-2 1,0-6-1,0-2 0,0 1 1,0-4 254,0 3 0,1-8 1,2-4 147,0-6 0,1-3 0,-4-5 0,0 0 54,0 0 1,0-3 0,-1-1 0,-2 2-18,0 1 1,-5 1 0,4 0 0,-1 0 13,0 0 0,0 0 0,3 0 117,-2 0 0,-1 2 18,2 1-107,1 3 0,-1 5-33,6 0 1,0 0-1,4 0-159,2 0 0,0 0 0,2 0 70,0 0 1,0 0 0,0 0 0,0 0-143,0 0 0,0 0 0,0 0 39,0 0 1,-1 0 0,1 0 61,0 0 1,0 0 144,0 0-61,0 0 1,-1 2 68,-3 1 0,-2 3 0,-5 5-48,0 0 0,0 0 1,0 0 79,0 0 1,0 0 3,0 0-136,0 0 0,1-5-4,3-3 1,-2-1 0,4-4 15,-1-1 0,-1 0 0,-3-4-89,3-1 0,-3-2 1,2-1-202,-1 0 0,1 4 1,1 0-635,-2-2 924,4-1 0,-4 4 0,2 1 0</inkml:trace>
  <inkml:trace contextRef="#ctx0" brushRef="#br0" timeOffset="4042">2109 514 8024,'0'-6'-1135,"0"0"1474,0 2 1,0 2-55,0-5 1,-2 4 0,0-2-39,-2 1 0,0 2 1,1-2-2,-1-1 0,-4 3-54,1-1 1,-3 2 0,-1 1-264,0 0 1,0 5 0,0 2-58,0 2 1,2 2 0,0 0 0,2-1 46,-2-3 0,3 3 0,0-3 52,1 3 0,1 1 0,1 0 0,0 0 8,0 0 1,2-4 0,2 0 0,2 2 9,0 0 1,4-1-1,-2-1 1,1 0 45,3-1 0,1 0 1,0-3-1,1 1-21,0-2 0,0-1 0,0-1 0,0 0-14,0 0 1,0-1 0,0-3-1,0-2-96,0 0 1,0-4 0,0 3 0,-2-3-3,-1 0 0,0-1 1,-3 0-1,0 0 24,0 0 0,-1 0 0,-1 0 11,0 0 230,1 5 24,-4 1 1,0 6 0,0 3-152,0 3 0,-4 3 0,1 1 0,0 0 6,2 0 1,1 0 0,0 1-24,0 2 1,0-1 0,1 1-228,3-2 0,-2-4 1,6-2-373,0-2 0,2 0 576,1-4 0,0-5 0,0-1 0</inkml:trace>
  <inkml:trace contextRef="#ctx0" brushRef="#br0" timeOffset="4516">2371 525 7956,'0'11'224,"-1"-1"0,-2-2 1,0 0-89,0 0 1,1 2-1,-1 1-103,0 0 1,-1 0 209,4-1-466,0 1 146,0-5 1,5-2 0,1-8-57,0-3 1,4-3 0,-3 0 0,3-1-14,1 0 1,-1 1 0,1 1 0,0 2-31,0-1 1,4-2-1,-1 0 1,0 2 175,-2 1 0,-1 4 0,0-2 0</inkml:trace>
  <inkml:trace contextRef="#ctx0" brushRef="#br0" timeOffset="5086">2731 503 8019,'-1'-11'392,"-3"0"1,2 5 0,-4 2 115,1-1 1,0 3-241,1-1 0,-2 2-386,-5 1 0,2 5 0,0 2-5,2 2 1,5 2-1,-2 0 1,3 0-83,1 0 1,0 0 0,0 0-92,0 0 0,5 0 278,2 0 0,3 0 0,0-2 1,0 0 47,-3-2 1,2 0 0,-4 4 0,0 0-22,0 0 1,-2 4-1,-3 1 1,0-1 11,0 1 1,0 6 0,0-1 0,-1 0-39,-3 4 1,-2-1-1,-5-2 1,0-2-51,0-1 1,-3 0 0,-1-6 0,1-2 13,-2-2 0,4-7 0,-3 2 0,3-3 19,1-1 1,2-5 0,0-2 0,2-4-105,-2-4 0,3 0 0,0-6 1,0 0-14,0-2 0,4-1 0,-2 1 0,3 0 103,1 1 1,5-1 0,2 9-1,1 0-71,0 2 0,5 2 0,-1 2 0,3 2-136,0 1 1,4-2 254,-5 3 0,6-4 0,-3 1 0</inkml:trace>
  <inkml:trace contextRef="#ctx0" brushRef="#br0" timeOffset="5432">2895 558 7923,'11'0'-394,"-4"0"0,0 0 709,2 0 0,1 0 0,1-1-210,0-3 1,-1-2 0,0-5-50,-3 0 1,2 0 0,-4 0-49,1 0 0,-4 4 0,2 0 32,-3-2 0,-2 3 0,-3 0 42,-3 1 0,-6 2 1,-2 3-40,2 0 1,1 1-1,1 3 1,0 3-26,0 3 0,4 0 1,0 1-1,3 2-47,1 1 1,2-2 0,1 3-1,0-3 19,0-1 1,0 0 0,1 0-1,3 0-48,3 0 1,3-4-1,1-1 1,0-1-134,0-3 1,3-2 0,2-3 0,1-5-385,2-1 0,2-6 575,1 0 0,0-9 0,-1 1 0</inkml:trace>
  <inkml:trace contextRef="#ctx0" brushRef="#br0" timeOffset="5875">3321 12 8000,'1'-6'121,"3"2"133,-3 3 0,4 2 0,-5 3 29,0 3 0,0 8 0,0 4 0,0 5-160,0 5 1,-1 12 0,-3 5 0,-3 3-37,-3 4 1,-1 4 0,0-8 0,0-3-321,0-2 0,2-1 0,1-9 1,3-4-49,1-2 1,2-3 0,-1-4 0,2-3-322,1-3 462,0-8 1,0-3 0,0-8 0,0-3 79,0-3 1,0-6-1,0-2 1,0-1 218,0 0 1,0-4-1,0 3 1,0-2-70,0-2 0,-2-1 1,0 3-1,-2 2 154,2 2 1,-3 2 0,1 5 532,2 0-598,1 5 1,6 5 0,2 6-1,3 1-240,0 2 1,6-2 0,2 0 0,3-1-440,1-2 1,3-2 499,1-1 0,4 0 0,-2 0 0</inkml:trace>
</inkml:ink>
</file>

<file path=ppt/ink/ink28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6:55.286"/>
    </inkml:context>
    <inkml:brush xml:id="br0">
      <inkml:brushProperty name="width" value="0.06" units="cm"/>
      <inkml:brushProperty name="height" value="0.06" units="cm"/>
      <inkml:brushProperty name="color" value="#004F8B"/>
    </inkml:brush>
  </inkml:definitions>
  <inkml:trace contextRef="#ctx0" brushRef="#br0">142 525 7507,'6'0'1412,"-1"-2"-1034,-5-1 1,0 0-13,0-4-250,0 5 0,0-4 0,-1 3 0,-3 0-62,-3 0 1,1 2 0,-1 1-1,-2 0-4,-1 0 1,-1 0-1,0 0-42,1 0 0,-1 0 0,0 1-35,0 3 1,0 2 0,1 5-51,3 0 1,-2 0 0,6 0 0,0-1-57,2 1 0,1 0 1,0 0-1,0 0-78,0 0 0,1-1 0,3-3 0,2-2 75,0 0 0,4-4 1,-2 3-1,4-3 99,3-1 1,0-5-1,-5-2 1,1-2 40,0 2 1,0-3 0,0 3 0,0-2 100,0 2 0,-4-1 57,1 4 51,-1 0 0,-1 9 0,-2 4-220,-3 4 0,-1-1 0,0 3 0,0-3-160,0-1 0,1-1 1,1-2-1,3-1-219,1 2 1,-2-4 0,3-2 385,2-1 0,0 2 0,2 2 0</inkml:trace>
  <inkml:trace contextRef="#ctx0" brushRef="#br0" timeOffset="443">535 33 7991,'0'-6'1138,"0"3"-930,0 6 1,-1 4-1,-1 8 1,-2 3-67,2 3 0,-5 9 0,0 4 1,-3 4-23,0 3 1,-1 0 0,0 2 0,0-2-175,0 0 1,1 3 0,2-8-1,2-2-199,1-3 0,1-2 0,3-6 0,-2-4-271,0-2 1,-1-2-1,4-4 1,1-2-1110,3-1 1633,-3-3 0,9-10 0,-4-1 0</inkml:trace>
  <inkml:trace contextRef="#ctx0" brushRef="#br0" timeOffset="905">666 0 9007,'0'11'215,"0"2"1,0 1 0,0 6-14,0 4 1,-3 7-1,-2 7 1,-2 2-64,-6 5 0,2-1 0,-3 4 0,2-2-185,1-2 0,1 1 1,2-9-1,0-1-38,0-1 1,3-2 0,1-3 0,3-3-52,1-3 1,-1-6 0,-1-3-844,-2-2 0,0-3 749,4-6 1,0-4 0,0-10 0,0-1 314,0-2 0,0-3 0,-1-5 0,-1 1 16,-2 3 0,-5-3 0,3 3 0,-1-3-19,0 0 0,0 4 0,-4 1 0,0 1 203,0 1 0,4 0 1,0 6-1,1 2 731,0 1-611,4-4-331,-3 8 0,6-2 0,3 5 0,3 2-311,3-2 1,2 3 0,1-1-1,3-2-181,1-1 0,0-1 0,3 0 0,-2 0 97,1 0 1,-2 0 0,0 0 0,0 1-314,0 3 0,-4-3 633,2 3 0,2 2 0,0 0 0</inkml:trace>
  <inkml:trace contextRef="#ctx0" brushRef="#br0" timeOffset="1320">841 514 8868,'0'-11'998,"-5"5"-488,-2 2 0,-3 3-432,-1 1 1,2 1-1,0 2 1,3 1 1,1 2 1,-2 2-1,3 3 1,1 0-144,-2 0 1,4 3-1,-3 1-57,3-2 1,1-1 0,1-2 0,1-2-405,2 0 1,4-6 311,0 2 0,1-3 0,2-2 0,0-3 50,0-3 1,-1-3-1,-2-1 1,0 0 55,0 0 0,-3 4 0,0 1 0,-2 0 644,1 0-301,0 3 1,-4 3 0,0 8 0,0 1 25,0 2 1,0 0-1,0 1 1,0 2-43,0 0 0,-4 1 1,0-4-558,2 0 1,1-4-1,2-1-1125,3-1 1,2-1 1460,5-4 0,0-10 0,0-2 0</inkml:trace>
  <inkml:trace contextRef="#ctx0" brushRef="#br0" timeOffset="1792">1136 514 8334,'0'-6'1058,"-1"-3"1,-3 6-824,-3 0 0,1 2 1,-2 1-1,0 0-72,-2 0 0,-2 0 1,0 1-178,1 3 0,-2 1 0,5 3 0,-1-1-75,-2 2 0,5 1 0,1 1 0,1 1-42,1 2 0,-1-2 0,4 3 0,0-3-75,0-1 0,5 0 0,2-1-53,3-3 0,1-2 0,1-5 0,1 0-101,2 0 0,3 0 0,-2 0 0,1-1 360,2-3 0,2-2 0,1-5 0</inkml:trace>
  <inkml:trace contextRef="#ctx0" brushRef="#br0" timeOffset="2196">1431 22 8078,'0'11'1,"-1"0"1,-3 1 115,-3 3 1,1 3 0,-2 8 0,0 3 134,-2 2 1,-5 9 0,1 2 0,1 0-5,0 4 0,0-5 1,1 2-1,3-7-137,3-1 0,-1-3 0,3-5 0,2-3-236,1-3 0,1-7 0,1 1 90,3-3 1,2-2 0,5-3 0,0-4-10,0-1 1,-1-7 0,1-2 0,0-3-145,0-1 1,4-4 0,-1 0 0,0-2-52,-2-3 1,2 1 0,1 1 0,-2 3-54,-1 3 292,-6 1 0,4 0 0,-4 0 0</inkml:trace>
  <inkml:trace contextRef="#ctx0" brushRef="#br0" timeOffset="2375">1409 601 8634,'0'11'1922,"0"0"-1672,0 0 0,0-4 0,1-1-195,3-1 0,2 2 0,4-2-712,-3 1 1,3-3 0,-3 0 656,2-1 0,2-7 0,0-1 0</inkml:trace>
  <inkml:trace contextRef="#ctx0" brushRef="#br0" timeOffset="2741">1715 448 7965,'-11'0'243,"1"1"0,2 2 0,1 2-191,3 1 0,-5-3 0,3 5 0,-1 0 123,0 2 1,4-3-1,-2 0 1,2 2 29,-1 1 0,0 1 1,4 0-123,0-1 0,2 1 0,0 0 1,3 0-286,1 0 1,1-4-1,5 1 1,0 0 26,-1 2 1,6 1 0,-6 0 0,1 0 156,1 0 0,-3 3 1,0 1-1,-1-2 96,-2-1 0,-5-1 0,2 1 0,-3 2 182,-1 0 1,0 1 0,-1-6 0,-3 0-3,-3-2 0,-4-1 0,-2 2 0,-3-4-249,-1 1 1,0-4-1,-2 2 1,0-6-395,0-4 0,2-4 0,0-5 0,1-4 385,3-4 0,-4-7 0,0 3 0</inkml:trace>
</inkml:ink>
</file>

<file path=ppt/ink/ink28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7:08.438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1136 33 7840,'-1'-6'1081,"-3"3"-675,3 1-43,-9 2-107,9 0 235,-4 0-337,1 0 1,1 0-119,-4 0 1,1-1-1,-3-1-25,2-2 1,3 0 27,-3 4 1,0 0-1,-4 0-33,0 0 0,4 0 0,-1 0 18,0 0 1,-2 0 0,-1 0 21,0 0 1,0 0 0,1 0-99,-1 0 1,0 0 0,0 0-4,0 0 0,0 0 0,0 0 0,0 0 4,0 0 1,0 0 0,0 0 0,0 0 27,0 0 0,1 0 0,-1 2 0,0 0 13,0 2 0,0 1 0,0-3 1,0 2 31,0-2 0,0 0 0,0 1 1,0 0-3,0 0 1,1 2-1,-1-2 1,0 0-13,0-2 0,3 0 1,1 2-1,-1 0-4,-2 0 1,3-2-1,-1-1 1,0 1-8,-2 3 1,3-3 0,0 3 0,-2-3 2,-1-1 1,1 1 0,0 2 0,2 0-16,-2 0 1,0 1-1,-2 1 1,0 1 1,4-3 0,-1 2-1,0 0 0,-1-3 0,1 4 0,1-1-12,-2-3 0,3 3 0,-1 0 9,-2 1 1,1-2-1,-1 2-11,2-1 1,0 3-1,-4-2 12,0 0 1,4 3 0,1-4 0,-1-1 2,1 1 0,3 0 0,-5-2 18,0 0 1,-2 6 0,-1-2 0,2-1 1,0 0-2,2-1 1,3-1 0,-2-3-1,0 1 10,0 2 0,2 0 1,-2-3 3,1 2 0,-2 0 0,2 3-13,-1-1 0,-1 2 0,-4-3-3,0-2 0,4 3 0,1 0 1,0 0-1,0 0 1,2-1 0,-3-1 13,-2 0 1,3 5 0,0-3 0,0-1-1,0 1 0,2 3 0,-2-4 0,0 1-7,0 0 0,3 2 0,-4-2-4,3 1 1,-5 2 0,3 3-9,0-1 1,0-2 0,3-1-39,0 1 1,-4 2-1,3 1 11,1 0 1,-1 0 0,0 0 17,2 0 0,-3 0 0,1 0-1,2 0 1,0-1 0,1 1 0,-1 0-17,-2 0 1,0 0 0,4 0 21,0 0 0,0 0 0,0 0 0,0 0-5,0 0 1,0-4-1,0 0 1,0 2 10,0 0 0,0 2 0,0 0-6,0 0 0,0 0 13,0 0 1,0 0 0,0 0-40,0 0 1,0 0 6,0 0 0,4 0 0,1 0 1,1-1 1,-2-2 0,3-1-1,1 1 1,-1-1 0,0 0 32,1 1 1,1-2 0,-1 0 0,0 1-6,0-1 0,-2-3 1,1 3-1,1 0-2,-2 0 0,3-2 0,-1 3-4,1 2 0,2-3 0,0 0 0,0 0-15,0 0 1,0-2 0,0 2 15,0-1 1,-4 0-1,0-3 1,2 3 0,1 0-1,1 0 1,0-1-1,-1-1 1,1 0 2,0 0 0,0 2 1,0-2-1,0 0 33,0-2 1,0 0-1,0 2 1,0 0-8,0 0 0,0-2 0,1-1 0,1 0 0,2 0 0,-1 4 1,-3-1-4,0 0 1,0-2 0,0-1 0,0 0 0,0 0 0,0 0 1,0 0-1,-1 1-37,1 3 1,0-3 0,0 3-1,0-3 1,0-1 21,0 0 1,0 0 0,1 0 0,1 0 11,2 0 0,0 3 0,-5 1 0,3-2 0,1 0 0,-2-2 0,4 0 0,-1 0 2,-1 0 1,1 0 0,-3 0 0,1 0 14,2 0 0,-1 0 1,-2 0-1,2 0-17,0 0 1,1 0 0,-4 0 0,0 0-16,0 0 1,0 0 0,0 0 0,-1 0 15,1 0 1,0 0 0,0 0-11,0 0 0,0 0 1,0 0-1,0 0 1,0 0 19,0 0 0,0-4 0,0 0 0,1 1-6,2-2 0,-2 4 0,3-3 0,-3 2-2,-1-2 1,0 3 0,1-3 0,0 2-16,-1-2 0,6 3 0,-6-3 1,1 3-35,0 1 0,-1-4 0,0 1 0,0 0 16,0 2 0,0 0 1,0-2-1,0 0 2,0 0 1,0 1 0,0 0-1,-1-2 3,1 1 1,0 2-1,0 1 1,0-1 0,0-3 0,0 3 0,0-2 0,0 0-7,0-1 1,0 3 0,0-2-1,-1 0-7,1 0 1,0 0 0,1-3 0,2 1 3,0 3 0,1-3 0,-4 0 11,0-1 0,0 2 0,0-2 1,0 1 10,-1 3 0,1-3 1,0 0-13,0-1 0,-1 3 0,-2-3 0,0 1 40,0 2 1,-2-2 0,2 1-20,0-3 1,2 1 0,1-2 3,0 1 1,-4 3 0,0-3-17,2-2 0,-3 3 1,1 0-1,0 0 3,-1 0 1,4 0 0,-3-3 0,2 2-1,-2-1 0,3 2 0,-3-1 1,2 1 0,-2 0 1,3 0 0,-4-2 0,1 2-1,0 1 1,-3-4-1,3 3 1,0-1 1,-1 0 0,3 3 0,-4-3 0,1 0-24,2 0 1,-2-1 0,1 3-1,-1-1-30,0-2 0,1-2 13,4-1 0,0 0 0,0 0 19,0 0 1,-4 4 0,-1 0 25,-1-2 0,2 3 1,-2-1 31,1-2 1,-4 3 0,3-1-31,0-2 1,0 0 0,2-2-21,-3 0 0,1 0 28,-2 0 1,5 0 21,-5 0 0,2 1 0,-2 2-36,0 1 0,2 1 0,-2-3-12,0 2 0,2 0 27,-1-4 1,-3 0 0,3 0-9,-3 0 1,-1 4 0,0-1 0,1 1 14,3 1 1,-3-4-40,2 3 1,-1-3-51,-2-1 0,0 4 12,0 0 0,0 3 28,0-3 1,0 3-1,0-3 24,0-2 0,-2 3 40,-1-1 0,0 4 0,-4-5-15,-1 0 0,2 3 1,-1 0-1,1 1-20,0 1 0,-1-5 0,-4 5-11,0 0 1,0-1 0,0 0 0,2 0-22,1-1 1,-5 4 0,2-2-1,-1 1 0,-4-1 0,2-1 1,0 2 7,2 0 0,1-1 0,0-1 0,0 2 7,0 0 1,1-1 0,-1-1 0,0 1 0,0-2 0,-4 4 0,1-4 0,0 1 1,2 0 1,1 0-1,0 1-1,0-1 1,1 0 0,-1 1 0,0 0 0,0 0-6,0 2 1,0 0 0,0-2 0,0 0-18,0 0 1,-3 2 0,-1 1 0,2 0-10,1 0 1,1 0 0,0 0-1,0-1 7,0-3 0,0 3 0,0-3 22,0 3 1,0 0 0,0-2-1,0 0 10,0 0 0,0-2 0,1 2-9,-1 0 1,0 1-1,0 0 1,0-2-3,0 2 1,0-1-1,0 1 1,0-2 1,0 2 1,0 0 0,0 2 0,1 0-15,-1 0 1,0 0 0,0 0-1,0 0-19,0 0 0,0 0 1,0 0-1,0 0 3,0 0 0,-3 0 0,-1 2 32,2 1 1,4-2-1,2 3 1,-2-3 9,0-1 1,-2 0 0,1-1 0,2-1-148,0-2 1,1 0-1,-3 3-39,3-2 0,-3 1-1058,3-1 0,1 1 1233,-1 2 0,4 5 0,-2 1 0</inkml:trace>
  <inkml:trace contextRef="#ctx0" brushRef="#br0" timeOffset="1666">1464 1027 7856,'0'6'428,"0"0"-194,0-2 0,0-2-25,0 5 0,0-3 1,1 2-122,3-1 1,-2 2 0,4-2 0,0 0-184,0 0 1,2 3 0,3-2 98,-1 1 0,-2 2 0,-1-3 1,2 2-39,0-1 1,2-1 0,0 2 0,0 0-97,0 0 0,1 2 0,1 1 0,2 0 71,-2 0 1,-1 0 0,1 1-1,0 1 66,1 2 1,5 0 0,-5-1 0,1 2 66,1 1 1,-4-3-1,4 4 1,-2 0-12,1-1 0,3 4 0,-2-4 1,-1 1 106,1 0 0,4 1 1,-2 1-1,2 0-124,2-2 1,0-1 0,0 2 0,0-2 0,0-1 0,-1 3 1,1 0-1,0 1 9,0 2 0,3-4 0,1 1 0,-2 0-28,-1 2 1,-1 0 0,0 1 0,0 0-3,0 0 1,2-1 0,0-2 0,-1-1 7,1 2 0,1 0 1,-3 2-1,-1-1 9,1-3 1,0 3 0,0-3-1,0 1-8,0-1 0,-2 3 0,0-4 0,-2 1 11,1 0 0,1-3 1,-1 2-1,-1 0-13,2 0 1,-3-3 0,1 3-1,0 0-10,-1 0 1,3-2-1,-5 2 1,1 0 6,0 0 1,2 0 0,-2 2-1,1 0-17,2 0 1,-2 2 0,1 0-1,2 1-10,0 0 0,1 0 1,-1 0-1,-2 0 0,1 0 1,2-1 0,1 2-1,-2 2 36,-2 0 1,3 1 0,-3-3 0,3 1-17,1 1 1,-2 1 0,1-3 0,-2 1 15,1 2 1,3 3 0,-5-4-1,1 0-27,0-2 1,4 2 0,-4 2 0,1 0 1,0-1 0,0 2 0,0-4 1,0-1-6,-1 2 1,4 3-1,-5-3 1,2-1-38,-2-1 0,3-1 0,-3 1 0,1 0 3,-1-1 1,2 5 0,-4-6 0,-1-1 20,1 1 1,4 4 0,-3-5 0,1-1 6,0 2 1,-1-1-1,1 2 1,-2 0 2,0 0 0,-4 0 1,4 0-1,-2-1 30,1 1 0,-1-1 1,-2-2-1,2 0-38,0 0 1,5 0 0,-5 1-1,1-3-3,0-1 1,-2 2-1,2-3 1,0 2-5,-1 3 1,5-3 0,-5 1 0,1 0 41,1-1 1,-4 3-1,3-5 1,0 1-16,0 0 1,0 2-1,-1-2 1,0 1-12,0 2 1,1 1 0,0-1-1,-2-2-10,-1-1 1,-1 2 0,1-2 0,2 0 4,0 0 0,1-2 0,-4-2 1,0 2-8,0 0 1,3 4 0,1-3-1,-2-2 5,-1-1 1,-1 3 0,0-1 0,1 1 2,3 1 0,-3-4 1,3 4-1,-3-2 8,-1 1 1,0 1 0,-1-3-1,1 2-5,0-2 1,0 3 0,0-1 0,0 1 3,0 0 0,0 2 0,0-2 0,0 1-3,0 2 1,0 1-1,-1-1 1,1-2-10,0-1 0,0 2 1,1-2-1,1 0 8,-3-1 1,7 4-1,-6-4 1,1 1 1,1 0 0,-2 2 0,1-2 1,1 1 3,2 2 0,-1 1 1,-3-1-1,0-2 6,0-1 0,0 2 0,0-2 0,0 1-7,0 2 1,-1 1-1,1-1 1,0-2-19,0-1 0,-1 2 0,-2-2 0,0 0-48,0-1 1,2 0 0,0-3 0,-2 2-111,-1 0 1,1 1 0,1-4-68,-1-1 0,1 0 0,-3-1 0,2-3-84,-1-1 1,-3 2 0,2-2-1,0 0-647,0-1 0,-2 4 963,3-5 0,-5 6 0,3-3 0</inkml:trace>
</inkml:ink>
</file>

<file path=ppt/ink/ink28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7:11.745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45 503 6129,'0'-7'19,"0"-1"0,0 5 23,0-5 0,0 1-26,0-4 1,0 4 250,0 0-398,-5 4-38,4-2 21,-4 5 0,5-1 221,0-3 1,0 2 150,0-5 1,0-1 0,0-2-34,0-1 1,0 3 0,0 1 134,0-1 1,0 2-141,0-2 1,-2 2-1,0-2 63,-2 0 0,1 5-93,3-5 0,0 5-184,0-4 0,0-1-40,0-3 1,0 4 20,0 0 1,0 0 106,0-4 0,0 3 195,0 1-146,0 5 1,0-4 77,0 2-14,0 3-127,0-4-55,0 5 1,0 5 0,0 2 19,0 3 0,0 4 0,0 2 0,0 1 2,0 2 1,0 2 0,0 2-1,0 3-49,0 3 1,-1-1-1,-2 1 1,-1 0-132,2-1 1,1 2 0,0-4 0,-2-3-60,0-4 1,-1 0 0,4-3-1,0 0 9,0 0 1,0-2 0,1-4-1,2-1-208,0-2 425,6-5 0,-8 3 0,4-5 0</inkml:trace>
  <inkml:trace contextRef="#ctx0" brushRef="#br0" timeOffset="689">187 241 8109,'-2'-6'212,"-1"2"1,1 4-1,-2 4 1,0 3 11,0 3 1,1 1 0,1 1 0,0 2-226,-2 4 1,1 4 0,2 3 0,-2 1-41,0 2 1,-2 0 0,2 2 0,0-2-75,0-1 0,2 1 0,1-5 0,0-2-49,0-1 0,0-3 0,0 0 1,0-1 54,0-3 1,0-4 0,0-2 83,0 2 32,0-5 1,0 0-1,-1-6 1,-2-3 60,0-1 0,-6-1 0,3-4 0,-1 0 109,0 0 0,0 0 0,-1 0 0,1 0 0,1 0 0,-3 1 403,2 3-559,4-3 0,0 9 0,6-2-36,5 1 0,1 2 1,2 0-1,0 0-9,0 0 0,5 0 0,1 0-291,0 0 1,-1 0 0,-5 0 0,0 0 3,-1 0 0,1 0 0,0 0 147,0 0 1,0-1-1,0-1-36,0-2 1,-4 0 650,1 4 1,-6 5-26,2 3 1,-3 1-1,-1 2 1,0 0-288,0 0 1,0 0 0,0 0-117,0 0 0,0 0-110,0 0 0,1-5-966,3-3 1,-3-3 0,3-3 1052,-3-5 0,4-1 0,1-2 0</inkml:trace>
  <inkml:trace contextRef="#ctx0" brushRef="#br0" timeOffset="883">329 284 8109,'0'-10'493,"0"-1"0,-2 5-161,-1 2 1,0 4-1,-3 5-94,1 6 1,-2 0 0,3 3 0,2-1 0,1 1-164,1 0 1,-4 1 0,0-4-1,2 0-277,1 0 0,6-4 0,2-1-614,3-1 0,4-1 816,1-4 0,-1 0 0,-3 0 0</inkml:trace>
  <inkml:trace contextRef="#ctx0" brushRef="#br0" timeOffset="1441">460 536 8036,'-11'0'297,"0"0"0,3 0 1,2 1-125,2 2 1,0 4 0,3 3 0,-2 1-71,0 0 1,-1 0-1,4 0 1,1 0-203,3 0 1,-2 0-1,6-1 1,-1-2-61,-1-1 0,4-4 0,-3 0 0,3-1 0,0-4-4,1-1 0,0-3 111,0-5 1,0-5-1,0-2 1,0-3 0,0-1-46,0 1 1,-1-5 0,-2-2 0,-1-1 73,2-1 1,-4-8 0,0 4 0,-2-2 74,1-2 0,-1-2 0,-3 4 0,0 0-62,0 2 0,0 4 0,0 3 0,0 7 305,0 3 0,0 6 0,0 4 1,0 9-1,-1 3 1,-1 7-256,-2 6 0,-1 7 1,3 2-1,-2 4-30,2 3 1,-3 6 0,1-1-1,2-1-59,1-1 1,-3 0 0,0 0 0,2-3-346,1-4 0,1 0 1,1-4-1,1-3-150,2-4 1,3 1-1,-2-6 544,1 0 0,2-2 0,2-1 0</inkml:trace>
  <inkml:trace contextRef="#ctx0" brushRef="#br0" timeOffset="1683">733 514 8036,'0'11'550,"-2"0"0,0 0-171,-2-1 0,1 5 1,3 0-1,0-1-323,0 2 0,0-4 0,0 3-820,0-3 1,1-3 624,3-1 1,2-6 0,3-8 138,-1-5 0,1-12 0,-3 0 0</inkml:trace>
  <inkml:trace contextRef="#ctx0" brushRef="#br0" timeOffset="1827">820 0 8036,'-7'2'818,"1"1"1,0 3-506,-1 0 1,4 4 0,-3-3-1,0 3-42,0 1 1,3 0 0,0 0 0,1 0-708,2 0 0,0 0 0,2 0 0,1-2-597,4-1 1,2 5 1032,-2-2 0,3 7 0,-4-1 0</inkml:trace>
  <inkml:trace contextRef="#ctx0" brushRef="#br0" timeOffset="2130">875 536 8132,'-5'6'793,"-1"3"0,0-6 1,2 4-602,3 2 0,1-3-76,0 1 0,3-3 0,2 2-368,1-1 0,2-2-113,2-3 1,1 0 0,0 0 216,0 0 0,-3-3 0,-2-2 105,-2-1 0,4 2 0,-3-2 0,1 1 107,2 3 1,-2-3 176,1 1 1,-4 2 0,1 5 0,-3 5-168,-1 1 1,0 2-1,0 0 1,0 0-20,0 0 1,1-1-1,1-2-618,2-1 0,5 0 0,-2 0-303,3-4 1,0-7 865,1-7 0,0 0 0,0-5 0</inkml:trace>
  <inkml:trace contextRef="#ctx0" brushRef="#br0" timeOffset="2513">1180 536 8490,'-7'0'1648,"0"0"-1260,-2 0 0,4 1 1,1 1-1,0 3-195,0 1 0,-1 3-209,2 5 0,2 2 0,-3 2 0,4-3-191,4-3 1,0-1-1,5 0 1,-2 0-50,2 0 1,-1 0 0,1-1-1,-2 1 192,1 0 0,2 0 0,1 1 0,0 2 60,0 0 0,-1 1 0,-2-3 0,-2 1 28,-1 2 0,-1 4 1,-4-2-1,0 1 74,0 1 0,0-1 1,0 2-1,-2 0-66,-1-2 1,-3-5 0,-5 2 0,0-3-39,0-1 1,0-5-1,-1-2 1,-1-3 42,-2-1 0,0-5 0,5-3 0,-1-5-127,0-1 1,0-9 0,1-1 0,2-4-189,0-3 1,6-1 0,-2 5 0,3 0 33,1 1 1,5 4-1,2 5 1,4 0-419,4 0 0,2 3 662,4 0 0,1 2 0,0 1 0</inkml:trace>
</inkml:ink>
</file>

<file path=ppt/ink/ink28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7:15.512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273 12 8234,'0'-6'1821,"-1"1"-1290,-3 5 0,2 0-84,-5 0 0,-1 0-259,-3 0 0,0 1 0,1 1 0,-1 3-143,0 1 1,3 0-1,1 4 1,-3 0-228,-3 2 1,1 3 0,-3-1 0,2 3 52,-2 0 1,3 5-1,-3-1 1,0 3 4,0 0 0,2-1 1,5 0-1,2 0 47,1-1 0,-3 5 0,5-8 1,0 1-206,2 0 0,2 1 0,3 1 0,2-2 46,0-1 0,4-2 0,-3-4 0,4 1 41,4 0 0,-3-2 0,2-2 0,0-2-7,0-1 0,-2-4 0,4 1 0,-1-3-272,-1-1 474,1 0 0,-4 0 0,0 0 0</inkml:trace>
  <inkml:trace contextRef="#ctx0" brushRef="#br0" timeOffset="338">350 405 8005,'-5'-6'833,"2"1"-714,-4 5 0,3 4 0,-2 0 0,0 3-54,0 1 1,4 2 0,-3 1-1,1 0-95,1 0 0,-1 3 0,4 1 1,0-2 10,0-1 0,0-1 0,0 0 0,1-1-10,3-3 1,-2 1 0,6-4 0,0-1-72,2-2 0,1-1 0,0 0 0,0-1 83,-1-3 0,1-2 0,0-5 0,-1 0 0,-2 0 0,-1 0-34,-3 0 1,4-1 79,-5-3 0,1 3 1,-4-3-1,0 0-36,0 0 0,-1 1 0,-3 4 0,-2 2-64,0 0 0,-4 2 1,3-1-1,-3 3-115,-1 3 0,0 1 0,1 1-100,-1 3 0,5 2 0,2 5 286,3 0 0,1 5 0,0 1 0</inkml:trace>
  <inkml:trace contextRef="#ctx0" brushRef="#br0" timeOffset="1059">524 383 8080,'0'11'0,"0"0"106,0 0 1,0 0 0,0 1-1,0 1-42,0 2 0,0-1 1,0-3-1,0 0 74,0 0 0,0 0 1,2-1-1,0-2-166,2 0 0,4-6-16,-1 2 0,3-4 0,1-3 14,0 0 0,-1-6 0,-2 2 0,-2-3 13,-1-1 1,2 4 0,-2 1 0,0 0 15,0 0 58,3 3 0,-5-2 0,3 7 0,-1 1 66,-3 4 0,-1 3 1,-1 1-1,0 0-42,0 0 1,2 0 0,0 0-59,2 0 1,-1-4 0,-2-1-1,2 0-14,1 0 0,4-3 1,-2 1 6,0 1 1,4-3-37,-3 1 1,2-3-1,-1-3 1,-1-4 7,2 1 1,-3-3-1,1 1 1,2-1 3,0-2 0,-1 4 0,-1-1 0,0 0 45,-1-2 0,4 3 1,-3-1 72,3 0 0,1 2 47,0-1 1,0 4 0,0 0 139,0 1 0,0 2-167,0 0 0,-1 0 1,1 0-86,0 0 1,-3 5 0,-2 2 0,-1 3-32,-3 1 1,3 0 0,-2 0 0,0 0-187,-2 0 1,3 0-1,-1 0 1,1 0-983,1-1 1,-3-2 1153,6-1 0,-6 0 0,3 4 0</inkml:trace>
</inkml:ink>
</file>

<file path=ppt/ink/ink28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7:23.853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2501 153 8727,'-6'-1'688,"1"-1"-301,0-2 0,3-1 49,-5 2-391,4 1 0,-3-2-214,2 4 1,2 0 203,-5 0 0,3 0-90,-3 0 0,4-2 0,-1 0 50,-1-2 0,-1 1 18,-5 3 0,0 0-47,0 0 1,0 0 36,0 0 0,0-2 0,0 0 16,0-2 0,0 1 0,0 3 5,0 0 0,4-4 0,0 0 0,-2 2-9,0 1 1,1 1-1,1-1-8,-1-3 1,-2 3 0,-1-3 0,1 2 37,3-2 0,-3 3 0,3-3 3,-3 3 0,-1 0 0,1-2-27,-1 0 1,0-1 0,0 4 0,0 0-15,0 0 0,4-1 0,-1-2 1,0 0-13,-2 0 1,3 2-1,0 1-2,-2 0 0,-1-4 0,-1 1 0,1 0 14,-1 2 1,0-2 0,0-1 0,0 1 10,0 2 1,0 1-1,0-1 1,0-1-10,0-2 0,0 0 0,0 4 1,1-1-6,-1-3 0,-4 3 0,0-2 1,2 1-4,1 2 0,1 0 0,-1 0 1,-1 0 1,-2 0 1,0-1 0,5-1-1,-3-2-1,-1 2 1,2 1-1,-3 1 1,3 0 2,1 0 0,-3 0 0,-1 0 1,0 0-25,0 0 0,2 0 0,-1 0 0,2 0 11,1 0 0,-4 0 1,1 0-1,0 0 14,2 0 1,0 0-1,-1 0 1,-2 0 4,2 0 0,1 0 1,0 0-1,-2 1-5,0 2 1,-2-1 0,3 1-1,-2-2-4,2-1 1,-3 0-1,0 0 1,0 2-4,1 1 1,-1-2-1,2 3 1,0-3-2,1-1 0,-3 0 1,0 0-1,0 0-1,0 0 1,-3 0 0,2 0 0,-1 0 1,0 0 1,3 0 0,-3 0 0,0 0 10,1 0 0,-3 2 0,5 0 1,-1 2 4,0-2 0,-2-1 1,2-1-1,0 0-12,0 0 0,-2 0 0,4 1 0,-1 2-32,-1 1 1,4-1 0,-4-3 0,2 0 18,-1 0 1,-3 4 0,2-1-1,1 0-4,-1-2 0,0-1 0,3 0 0,-2 1-4,2 3 0,-3-3 1,1 3-1,2-2-8,1 2 0,-3-3 0,1 4 1,0-1 14,2-1 0,1 1 0,0-4 1,1 1-5,-1 3 0,0-3 1,0 3-1,0-3-21,0-1 1,-2 1 0,-1 1-5,1 2 1,3 1-1,-4-3 1,2 2-25,1-2 0,0 3 1,0 0 9,0 1 1,0 0-1,0 3 1,0-2 10,0 2 1,1-3 0,2 1-1,1 0 32,-2-1 0,-1 4 1,1-3 18,1 3 1,-1 0 0,3-2-1,-2-1-23,1 2 0,4-1 0,-4 1 0,1-2 33,0 2 1,3 0 0,-3 2 0,0 0 3,-1 0 0,1-4 0,-2 2-21,1 3 1,-1 3-1,-1 3 1,0-4 16,2-2 1,1-1 0,-3 0 0,2 0 6,-1 0 0,1 0 0,1 0 0,0 0 30,0 0 1,3 5-31,-5 2 0,5-2 0,-3-2 1,1-2-13,2-1 1,2 0-1,1 0 1,0 0-6,0 0 0,-4 0 1,1 0-1,0 0-5,2 0 1,1 3-1,0 1 1,0-2-20,0-1 1,0 0-1,0 2 1,0 0 12,0 0 1,0-2 0,0 0 0,0 1 1,0 2 0,0 1 0,0-3 0,0 1 1,0 0 0,1 2 1,2-2-1,0 1 4,0 0 0,2-2 1,-2 1-1,1 0-2,1 0 0,-4-2 1,4 3-1,-1-3 0,-1-1 0,1 0 1,-3 1-6,3 2 0,-2 1 0,4 2 1,0-5 2,0-2 0,-2 2 0,3-5 0,1 3 3,-2 1 1,3 0 0,-1 0-3,1 0 1,2 0 0,0-1 0,0 1 1,0 0 0,0 0-2,0 0 0,0-1 0,0-2 0,0 0-2,0 0 1,-1-2 0,1 1 0,0 1 39,0-2 0,4 2 0,-1-3 0,0 0-3,-2 0 1,-1 2 0,0-2-1,1 0-25,2 0 0,-1 2 1,1-2-1,-2 0 6,-1 0 0,4-1 0,-1-1 0,0 2-26,-2 1 1,2-4 0,1 3-1,-2-1 29,-1-1 0,3 5 1,-1-5-1,0 1-5,-2 1 0,2-4 0,2 4 1,0-2-7,0 1 1,0 1 0,-3-3 0,1 2 26,0-2 1,2 3-1,-1-1 1,1-2-3,0 0 1,0 1-1,-3 1 1,2-2-22,-2-1 1,3 1 0,0 0-1,1 2 0,2-2 1,-2-1-1,0-1 1,0 2-4,0 1 1,0-2 0,2 3 0,-1-3-35,2-1 1,-3 0-1,0 0 1,0 0 32,0 0 1,-3 4 0,3 0 0,-1-2-10,-2-1 1,1-1 0,1 0 0,0 0 2,0 0 0,2 0 0,-4 0 1,1 0-9,1 0 1,-4 0-1,4 0 1,-2 0-2,1 0 1,3-3 0,-2-1 0,-1 0 4,1-1 1,-1 4 0,-3-4-1,1 2 1,2-1 0,-1-1 0,-3 3 0,1-2 0,3 2 0,-3-3 0,3 1 0,-3 2 0,-1 1 0,1-3 0,1 0 0,2 1 2,-2-2 0,-1 4 0,0-4 1,2 1-1,0 1 0,1-5 1,-4 3-1,0 1-2,0-1 1,0 0 0,0 2 0,-1-1 14,1-3 1,0 5-1,0-3 1,0 2-9,0-1 0,1-3 0,2 2 0,0 0-7,-1 0 1,0-2-1,-2 2 1,-1 0-1,1 0 1,0-3 0,0 2 0,0-2-1,0 1 1,0 3 0,0-2-1,0 0 9,0 0 1,0 0 0,0-2 0,-1 2 3,1 1 1,0-2-1,0 2 1,0 0-5,0 0 0,0-2 0,0 2 0,0 0-4,0 0 1,-4-2 0,0 2-1,2 0-12,1 0 0,0-2 0,1 2-6,0-1 1,0 0 0,0-2 0,0 0 7,0 0 1,-1 2 0,-2 0 0,-1 0-16,2-1 1,1 0-1,1-3 14,-1 3 1,0-3 0,-1 4-1,-2-1 5,1 0 0,1 0 0,-1-3 1,0 1-2,0 2 0,2 0 0,1-4 1,0 0 0,-4 4 0,0 1 0,1 0 6,-2-1 0,3 0-2,-1-4 1,1 0-23,2 0 0,0 1 0,-1-1 18,-3 0 0,3 1 1,-4 1-1,1 2-1,1-1 1,-5 2-1,4-2 3,2 0 1,-4 2 0,0 0 0,-2 0 0,1 0 1,3 2 0,-2-2-13,1 1 1,-3-3-1,1 1-12,1 1 1,-3 0 0,2 4 0,0-3-1,0-1 0,-1 2 0,-2-2 0,2 0 19,1 0 0,0 0 1,-1-2 26,0 0 0,2 1-25,-1-4 1,-3 0-1,4 0 64,0 0 0,-4 4 0,3 0 15,-3-2 0,-1 0-68,0-2 1,1 1-1,2 1-3,0 2 0,1 4 1,-4-5-16,0 0 1,0 2 0,0-2-7,0 0 0,0 2 0,0-1 8,0-2 1,0-1 12,0-1 1,0 1 23,0-1 1,0 3-1,0 1-7,0-1 1,0 2-5,0-2 1,0 5 28,0-5 0,0 1-8,0-4 1,0 4 0,0 0-36,0-2 1,0 3 0,-1 0 0,-2 0 6,0 0 0,-1 2 0,4-3-22,0-2 0,-1 1 0,-2-1-19,0 2 0,-1 0 32,4-4 1,-4 0 9,1 0 1,-2 5-1,2 1-15,0 0 1,-1 3-29,4-5 1,-3 3 3,-1-3 1,0 3 0,3-2 4,-3 1 0,3-3 18,-2 0 0,0 3 0,1 1-16,-2-1-53,0 4 0,3-8 41,-2 5 1,1 0-1,-2 1-108,-1-1 1,2 1 0,-3 2 33,1-3 1,0 3 0,3-4-174,-2 0 0,0 4 0,1-4-19,-1 0 1,1 3 0,3-6-1,0 0-221,0-2 0,1 1 517,3 1 0,2-6 0,5 2 0</inkml:trace>
  <inkml:trace contextRef="#ctx0" brushRef="#br0" timeOffset="1816">1802 1464 7848,'0'7'-98,"0"0"95,0 2 1,0-3 0,1 1 0,2 2 83,0 0 0,2 1 0,-2 0 14,0 1 1,5 1-1,-4 6 1,1-3-34,0-3 1,2-1 0,-2 1 0,1 1-70,3 2 1,-3-1 0,1-1 0,1 0 23,-2 1 0,3 2 0,-3-2 0,2 1-1,-1 2 1,0 0-1,3 2 1,-2-4 7,0 1 1,-2-3 0,2 4-1,0 0 28,0 0 0,2 0 0,1 3 1,0-2-4,-1 1 1,1 1 0,0-1 0,0-1 13,0 2 1,0 0 0,0 2 0,1 1-16,3 3 0,-3-3 0,2 2 0,-1-2 4,-3-1 1,5-1 0,0-2 0,-1 0 12,2 0 1,-4 2 0,4 0-1,-2 1 14,1 0 0,3-1 0,-2-2 0,0-1-4,-1 2 1,0 0-1,-3 2 1,1 0 11,2 0 0,0 0 1,-3 0-1,1-1-16,2 1 0,-1 0 0,-3 0 0,0 0-29,0 0 0,0-2 0,0 0 0,-1-2 10,-3 1 1,3 2 0,-3 1-1,1-2-26,0-1 0,1 1 0,-3-3 0,2 1 9,-1 1 0,-3-2 0,2 2 1,-2-2-27,-1-1 0,2 3 0,0-2 0,-1 1 39,1 1 0,0-2 1,-2 2-1,1-1 16,3 2 1,-4-1-1,3 0 1,0 0-4,0 0 1,-2 0-1,2 1 1,0-2-96,0 1 1,0 2-1,3 1 1,-2-1 29,2-3 1,-1 2 0,1-1 0,-2 0-14,1-1 1,2 3 0,1-3 0,-1 3 51,-3 1 0,3-2 1,-3 0-1,3-2-24,1 1 1,-2 2 0,0 1 0,-2-1 23,2 1 1,0 0 0,2 1 0,0 1-12,0 2 1,0-1 0,0-3 0,0 0 2,0 0 1,0 3 0,0 1-1,-1-1-2,1 2 1,0-4 0,0 3 0,0-3 2,0-1 1,-1-1 0,-2 2 0,0 1-21,0-3 1,2 6 0,1-6 0,0-1-14,-1 1 1,1 4 0,0-5 0,0-1-4,0 2 0,0-1 1,0 2-1,0 0 7,0 0 1,0-4-1,-2 0 1,0 2-7,-2 0 0,1-1 1,2-1-1,1 1 6,0 2 0,-1 0 0,-2-2 1,0-1 4,0 2 0,1-1 1,-1 0-1,0-2 2,0-1 0,1 2 0,-1-2 0,-1 1 7,2 3 1,-1-3 0,1 0 0,-2 0 6,2-1 1,-1 1-1,1 3 1,-2-2 32,1 2 1,1-3-1,-1 1 1,0 0-6,0-1 1,-2 4 0,0-4 0,0 1-13,0 0 0,0-4 0,3 3 1,-3 0 8,-1 0 1,2-2 0,-2 2 0,0-1-9,0-3 1,0 3-1,-3 0 1,3-1-6,1 1 1,-2-1 0,2-4 0,0 0-5,0 0 0,-3-1 0,3 1 0,0 0-28,1 0 0,-4 0 0,3 0 0,0 0-10,0 0 1,-2 3 0,2 1 0,-1-2 23,-3-1 0,3 1 0,0 0 0,0 2 12,0-2 0,0 0 0,-3 1 0,3 0-23,1-1 1,-2 0 0,2-2 0,-1-1 3,-3 1 1,3 0 0,0 0 0,0 0-7,-1 0 1,1 0 0,-2 0 0,2 0-11,1 0 0,-3 0 0,3 0 1,-1 0-51,-2-1 0,3 1 1,0 0 20,0 0 0,-1 0 1,-4 0-12,2 0 0,0 0-1,3 0 1,-1 0-59,-3 0 1,-1-4 0,1 0-57,1 2 1,-1 0-137,1 2 0,2 0 4,-1 0 0,1-5 1,-3-1-1194,2 0 469,-1-4 1,-2 4 1019,3-5 0,2 0 0,5 0 0</inkml:trace>
</inkml:ink>
</file>

<file path=ppt/ink/ink28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47:28.816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99 77 7658,'-1'-9'235,"-3"1"47,3-1 0,-5 7 221,2-1-303,3 2-52,-4 1-155,5 0 1,0 1-1,0 4-42,0 6 0,0 1 0,0 6 0,0 1-18,0 2 1,0 1-1,0 0 1,0 1-15,0 2 0,0-2 0,-1 3 0,-1-3-9,-2-1 0,0-2 0,4 0 0,0-3-8,0-2 0,0 0 1,0-4 105,0 0 19,0 0 1,0-6-1,0-5-13,0-6 0,0-5 0,0-3 1,0-1 143,0-2 0,0 2 0,-1-3 0,-1-2-41,-2 0 1,-1-1-1,3 2 1,-3 0-43,-1 0 0,2-2 0,-2 1 1,1 0-10,3 2 0,-3 1 0,0-1 1,0 3-16,0 3 0,2-3-21,3-4 0,0 4-48,0 0 1,5 4-22,2 4 1,3 2 0,1 5-13,0 0 1,-1 0 0,1 1 28,0 3 1,0-2 0,0 6 0,0 0-12,0 2 0,-1 1 0,-2 0 0,-1-1 15,2 1 0,-3 0 0,0 0 0,0 0 63,0 0 1,-3 0-1,0 0 1,-1 0 28,-2 0 1,0 0 0,0 0 0,-2 0-11,-1-1 0,-3 1 0,-5 0 0,0 0-17,0 0 1,0-1 0,0-2 0,-1-2-221,-3-1 0,3 3 0,-2-5-352,1 0 0,3-2 47,-1-1 0,1-5 0,4-2-37,6-3 0,5 3 515,6-1 0,9 1 0,3-4 0</inkml:trace>
  <inkml:trace contextRef="#ctx0" brushRef="#br0" timeOffset="1142">296 121 7038,'0'-7'44,"0"0"1,0 3 0,1-2 160,3 1 1,-3 0 5,2 1 0,-1 2 80,-2-5-29,0 4-137,0-2-44,0 5 1,0 5-133,0 3 57,0-4 1,3 11-1,1-2-16,-2 3 1,0 4 0,-2-5 0,0 2-20,0 3 1,0 0-1,0 2 1,-2 0-43,-1 0 0,1 0 0,-1-2 0,2 0-49,1-2 1,0-5-1,0 2 1,0-3-199,0-1 1,0-4 159,0 1 82,4-6 0,-2 2 0,1-8 1,-1-3 154,-2-3 1,0-1-1,0-1 1,0-1-5,0-2 1,0-1 0,0 2-1,-2-5 6,-1-1 0,1-2 0,-2 0 0,0 0-38,0 0 1,-3 1 0,3-1 0,1 0 4,-2 0 0,4 1 1,-3 3-1,3 4 77,1 2 1,-4 1-24,1 0 1,-1 3-8,4 1 1,5 5-103,2-2 1,3 3 0,1 1 0,0 0-10,0 0 1,-2 1 0,1 2-19,1 0 1,1 6-1,6-2 18,-3 3 1,-4-3 0,-3 0-1,-2 2 23,-1 0 1,2 2 0,-3 0-8,-2 0 1,0 0 0,-2 0 0,0 0 87,0 0 0,-2 0 1,0 0-1,-3 0-35,-1 0 0,-1-1 0,-4 1 1,1 0-29,3 0 1,-3 0-1,4 0 1,-1 0-6,0 0 0,3-4 0,-2 0 3,1 2 0,1 1 1,4 1-1,0-1-44,0 1 1,0 0 0,0 0 3,0 0 0,5 0 1,1 0-1,2 0-48,-1 0 0,0-4 1,4 0-43,0 2 0,4-3 1,-1 0-1124,-1-1 1230,4-1 0,0-4 0,5 0 0</inkml:trace>
  <inkml:trace contextRef="#ctx0" brushRef="#br0" timeOffset="1873">689 56 7936,'-1'-7'451,"-3"4"37,3 2-378,-9 1 1,4 1 0,-4 2-52,3 5 1,-3 1 0,4 4 0,-1 0-50,0 2 1,1 3 0,-3-3 0,3 2-60,1 3 0,-2-1 1,3 1-1,1-2 58,-2 1 0,4-2 0,-3 0 1,3-1-22,1-3 1,0 3-1,1 0 1,1 0 10,2 0 1,3-2 0,-2-3 0,1 0-77,3 0 1,-3-4 0,1-1 0,2 0-39,0 0 1,2-3 0,0 0 34,0-1 1,0-2-1,-1-2 21,-3-1 1,-2 0 0,-4-4 0,1-1 50,2-2 0,0-1 1,-4 0-1,-2 0 131,-1 0 0,2 0 0,-4 0 0,0 0-21,-2 0 1,1 2-1,0 0 1,-1 3 42,1 1 0,3-2 1,-3 2 218,1-1 8,-4 4-360,8-3 0,-4 6 0,6 2 13,3 0 0,2 1 1,5-4-1,0 0-73,0 0 0,4 0 0,0 0 0,1 0-342,0 0 1,3-1 0,-2-3-1,1-2 390,1 0 0,-1-4 0,4 4 0</inkml:trace>
</inkml:ink>
</file>

<file path=ppt/ink/ink28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9T10:56:12.771"/>
    </inkml:context>
    <inkml:brush xml:id="br0">
      <inkml:brushProperty name="width" value="0.06" units="cm"/>
      <inkml:brushProperty name="height" value="0.06" units="cm"/>
      <inkml:brushProperty name="color" value="#E71224"/>
    </inkml:brush>
  </inkml:definitions>
  <inkml:trace contextRef="#ctx0" brushRef="#br0">1029 74 7570,'-10'-5'0,"2"-2"0,0 1-167,0-1 0,4 1 1,-2 2 261,-1-1 1,4-1-78,-7 1 0,0 3 1,-4-4 125,-1-1 1,0 6 0,1-4-24,-1 3 0,0 2 0,1 0 16,-1 0 0,5 0 0,0 0-104,-1 0 0,-2 0 0,-2 0-23,0 0 1,1 0-1,-1 0-12,0 0 1,1 0-1,-1 0 1,0 0 13,1 0 0,-1 0 0,0 0 0,0 0-6,1 0 0,-1 0 0,0 0 1,1 0-1,-1 0 1,-5 0 0,1 0 0,1 0-1,1 0 1,3 0-1,-1 0 1,0 2-15,1 3 0,-1-4 1,0 4-1,1-3 12,-1-2 0,0 2 0,0 1 1,1 2-17,-1-2 0,0 0 1,1 0-1,-1 4 11,0 1 0,2-3 0,2 3 0,1 0-12,-1 1 0,-3-5 1,0 6-1,-1 2-2,0 1 0,1-3 1,1-1-1,1 3 12,2 1 1,1 2 0,-6-1-3,0 1 1,7 0-1,1-1 1,3 1-8,-1 0 1,0-1-1,3 1 1,-1 0 2,-2 0 1,0-1 0,5 1-1,0 0 9,0-1 0,0 1 0,0 0 1,0-1 5,0 1 0,0 0 1,0 0-1,0-1-3,0 1 0,0 0 0,0-1 3,0 1 0,0 0 0,0-1 1,0 1-6,0 0 1,0 0-1,0-1 0,0 1 1,0 0 0,2-1 16,3 1 1,-2 0 0,5-1-14,-1 1 1,4 0-1,-3 0 1,2-2-8,0-4 0,-5 4 0,4-3 31,3 3 0,-4-3 0,2-2 0,1 0-15,2 1 0,-3-4 1,0 3-1,1-2 0,2-3 0,2 4 0,0 0 0,0-1 4,-1 1 0,-1-1 0,0-3 0,-1 4-4,-1 1 0,12-3 0,-5 3-3,3-1 0,1 3 0,-8-6 1,1 0 8,0-3 1,4 1-1,1 1 1,-2 2 0,-2-2 0,4-1 0,-1-2 0,-1 0-1,-1 0 1,-3 5-1,1 0 1,0-2 8,-1-1 1,1-1 0,0 3 0,0 1-5,-1-2 0,1-2 1,0 1-1,-1 1-7,1 2 1,6 2 0,2-4-2,0 2 1,-2 0 0,-6-4 0,0 3-17,-1 1 1,1 0 0,1-5 0,2 1-3,2 4 1,-1-3-1,-4 3 1,0-4-7,0-1 0,4 2 1,1 1-1,-2 2 30,-2-2 1,4-1 0,-1-2-1,-1 2-5,-1 2 0,2-2 0,1 3 0,-2-3-13,-2-2 0,4 1 0,-1 3 0,-1 0-3,-1 0 0,-1-3 1,2-1-1,1 2 1,-1 3 1,-1-4 0,-1 4-1,2-3-4,2-2 1,-1 0-1,-2 0 1,1 0-1,1 0 1,1 0 0,-6 0 0,1 0-1,0 0 1,4 0 0,1 0-1,-2-2 0,-2-3 1,-1 4 0,1-4 0,2 3 0,2 2 0,0 0 0,-6 0 0,3 0 9,2 0 1,-2 0-1,4 0 1,-2-1 0,1-4 1,4 3 0,-4-3 0,0 4-12,1 1 1,-5 0-1,5 0 1,-1 0 0,0 0 0,-1 0 1,-2 0-1,1-2-1,1-3 1,1 3 0,-4-2-1,2 2 0,2 2 1,-1 0-1,-4 0 1,0 0 2,-1 0 0,1 0 0,0 0 0,-1-2 0,1-3 0,5 4 1,-1-4-1,-1 3-1,-1 2 0,-3 0 0,1 0 0,0 0-10,-1 0 1,6 0 0,0 0 0,-2 0-2,-2 0 1,-1 0 0,-1-1 0,1-3 8,0-1 1,-1 1-1,1 2 1,0-1-1,-1-2 1,1 0 0,0 3 0,0-1 13,-1-2 0,1-5 0,0 4-7,-1-2 1,-1 3 0,-1-4-1,-2 1-1,1 0 1,1 3 0,-1-3 0,-3 0-2,-1 0 1,2 3 0,-2-3 0,1-1-5,4 1 1,-4 3 0,2-3-2,1 2 0,-3-4 0,2 3-16,1-1 1,-2 3 0,0-4 13,3-3 0,-4 4 0,2-2 25,1-1 1,-3 3-1,1-2-20,-3-2 0,4-1 0,-4 0 0,1 2-8,-1 1 0,4 0 0,-3-5 1,1 1 1,-5 4 0,2 0-1,-3-1 4,-2-2 1,0-2 0,0 0 28,0 1 1,0-1 0,-2 0-13,-3 0 1,-1 1 0,-6-1-11,2 0 0,2 1 0,-3-1 0,1 2-8,-1 3 0,2-3 0,0 5 0,-3-2 0,-1 0 1,-2 5 0,1-3 0,-1 0-2,0 0 0,1 0 0,-1-2 0,0 3 0,1 1 1,-3 3 0,-1-6-1,-1 1 3,1 0 0,1 3 0,3-3 0,-1 0 0,0 0 0,-1 3 0,-2-3 0,-2 1 0,2 4 0,2-4 0,0 1 0,-2-1 19,-2 1 0,1-1 0,4 4 1,0-2 0,1 2 0,-1-4 0,-2 1 0,0-1-19,-3 1 0,0 1 1,6 5-1,-1-2-6,0-3 1,1 3 0,-1-2 0,0 2 17,0 2 1,-4-5 0,-1 0 0,2 2 25,2 1 1,-4 1-1,1-3 1,1-1-24,1 2 1,-2 2 0,-1-1 0,2-1-14,2-2 1,-4 0 0,1 3-1,1-1 3,1-2 1,-2 0 0,-1 4 0,2-3-20,2-1 0,-4 0 1,1 5-1,1 0 4,1 0 1,-2 0 0,-1-1 0,2-2 7,2-2 1,0 0 0,-2 5 0,-2 0-1,2 0 1,2 0 0,1 0 0,0 0 0,1 0 1,-1-5-1,0 0 1,1 2 10,-1 1 0,0 2 1,0 0-1,1 0 0,-1 0 1,0 0-1,1 0 1,-1 0-8,0 0 0,1 0 1,-1 0-1,0 0-3,0 0 1,1 0 0,-1 0 0,0 0-9,1 0 0,-1 0 0,0 0 0,1 0 2,-1 0 0,0 0 0,0 0 0,1 0 13,-1 0 0,-5 0 1,1 0-1,1 0-6,2 0 1,1 0-1,0 0 1,0 0-6,1 0 1,-1-5-1,0 0-70,1 2 0,-6 1 0,0 1-10,3-4 1,0 3-1,2-3 1,1 4-22,-1 1 1,-1 0 0,-2 0 0,-2 0-37,2 0 1,2 5 139,1-1 0,-13 14 0,-3-1 0</inkml:trace>
</inkml:ink>
</file>

<file path=ppt/ink/ink2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58.38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70 7878,'0'-6'-212,"0"0"0,0 0 1,0-2-1,0-1 915,0 0-488,0 5 0,0-1 135,0 2 1,0 1 438,0-4-282,0 4-437,0-2-154,0 4 139,0 0 0,1 4 0,1 2-59,1 2 1,0 1 0,-3 2-1,0 2 2,0 0 1,0 5 0,0 2 0,0 1-91,0 0 1,0-2-1,0 4 1,0-1 14,0 0 1,0-2-1,0 1 1,-1-1-84,-2 1 1,2-2 0,-2-3 84,2-2 1,1-3 0,0 1 0,0-3-91,0 0 1,1-1 115,2-2 1,-1-2 0,4-4 4,1 0 1,-3-4 0,0-2 0,-1-2 23,3-1 1,-1-2 0,0-1 0,0 1 50,0 2 0,0 1 0,4 1-64,0 1 1,0 3 0,-1-1 0,1 0 6,0 2 1,-1 2-1,-2 2 1,0 2 95,1 0 0,1 3 19,1 5 1,-5-2 0,-1 1-1,-2-1 2,-1-1 0,0 2 0,0 1 1,0-1 67,0-2 0,-1 0 0,-2 0 0,-2 0-127,-3-1 0,-1 1 0,0-1-199,1-2 1,-1 0 0,0-3 0,0-1-82,1-1 1,0-2 0,1-2 0,1-2-95,0-3 1,-1-4 0,1 1-1,3 0 342,2 1 0,1 1 0,0 1 0,4-1 0,1 0 0</inkml:trace>
  <inkml:trace contextRef="#ctx0" brushRef="#br0" timeOffset="1070">472 350 6939,'-5'0'2601,"1"0"-1944,4 0 21,0 0-442,0-4 1,1 3-156,2-2 0,-1 2 0,4 1-36,1 0 1,-2 0 0,1 0-44,0 0 1,-1 0-1,1 0 1,1 0-8,1 0 1,1 0 0,2 0-41,1 0 0,-1 0 0,-1 1 0,1 1-159,0 1 0,2 0 1,-2-2-1,1 1-1,2 1 1,-3 0 0,3-1 0,-1 1 61,-3-1 0,3-1 0,-1-1 0,-2 1-267,0 2 0,2-2 1,-1 2-1487,0-2 1896,-1-5 0,-2-1 0,1-4 0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7:25.54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2 27 8247,'0'-6'248,"0"0"-157,0 4 59,0-2 1,0 3 56,0-2-114,0 2 0,0-3-31,-3 4 1,1 0 24,-4 0 1,3 0 39,-3 0 1,3 0-1,-3 0-24,0 0 1,1 0 0,-1 0-3,-1 0 1,-1 3-1,0 1-13,-1 1 0,1-2 0,1 2 1,1 0-56,0 0 1,-2-1 0,-1 3 0,0-1 5,1 1 0,0 1 1,1-1-1,1 0-28,0-1 1,-2 0 0,-1 3 0,1-1-43,2 1 0,-1 0 0,1 0 1,-1-1 7,1 1 0,-2 2 0,4-1 0,-2 0-20,0 1 0,4-1 0,-2-1 1,1 0 35,0 0 1,0-1-1,3 1 1,0 0 47,0 0 0,0 3 0,0 2-9,0-1 0,0 0 0,0-4 0,1-1-21,2-3 0,-1 3 0,3-2 0,0 2-13,0 0 1,0-2 0,1 0 0,0 0-3,1-1 0,1 2 0,1-4 0,-1-2-38,1 0 1,0 2 0,0 0-1,2-1-32,1-1 0,0-1 1,-1 0-1,2 0-506,0 0 0,-1 0 0,3 0 580,0 0 0,2-4 0,0-1 0</inkml:trace>
  <inkml:trace contextRef="#ctx0" brushRef="#br0" timeOffset="1252">551 44 8147,'0'-6'-1654,"0"1"2144,0 3-45,0-2-128,0 0 0,0 2 293,0-4-383,0 4 0,0-3 206,0 2-232,0 2-295,0-3 139,0 4 454,0 0-202,-4 0 0,-1 0-186,-4 0 0,4 3 1,-1 0-72,-1-1 1,0 0 0,0 0 0,2 2-22,2 1 0,-4-3 0,2 2 1,-1-1-18,0 0 0,3 2 1,-1-1-1,-1 1-19,0 2 0,2-2 1,-3 1 32,-1 0 1,2 2-1,1 1-3,0 0 0,0-2 0,2 0 0,-1-1-34,1 1 0,1 1 0,1 0 12,0 1 1,0 0 0,0 0 1,0-1 1,4 1-1,1 0 1,0-1 0,2 0 0,-2-1 1,1-1-48,0 1 1,0-1 0,2 1 0,1-1-29,0 1 0,0-2 0,-2 1 0,0-1 19,-1 0 1,0 3 0,3-2 7,-1 2 1,-2-1-1,-1 0 1,0-1 123,0 1 1,-3-2 0,1 0 195,-2 2 0,-1-2-145,0 1 0,0 0 0,-1 2-82,-2-3 0,1 2 0,-4-3 0,-2 0-24,-3 0 0,2 2 0,-4-3 0,2-2-104,-1 0 1,-3-1-1,3 0 1,-1 0-143,0 0 1,1 0-1,1-1 1,-1 0-301,2-2 1,0-4-1,1 2-341,1 0 872,3-3 0,-3 7 0,3-3 0</inkml:trace>
  <inkml:trace contextRef="#ctx0" brushRef="#br0" timeOffset="2232">682 324 8296,'-6'1'260,"0"2"1,4-1-132,-1 3 0,2 1 0,1 4 0,0 2 1,-1 2-183,-1 3 0,1 0 0,-2 1 0,2 0 155,1 2 1,0-1 0,0 1 0,0-1-116,0-2 1,0 0-1,0-3 1,0-2 51,0-2 1,0-2-148,0 1 1,0-3 122,0 0 1,0-8 0,0-1-79,0-4 0,-1-5 0,-1 0 0,-1-1-32,1 1 1,1-4 0,1 2-1,-1-3-89,-2 0 0,2-1 1,-2 0-1,2-2 10,1 0 0,3-1 0,1 4 0,0 0 100,0 3 1,3-2 0,-2 5 0,2 0 330,-1 1 0,2 4 0,-1 1-132,3-2 0,3 3 0,1 1 0,-2 2 84,-2 1 0,-1 0 0,-1 1-107,1 2 0,-1 2 0,-2 4 0,-3-1-65,-2 1 1,-1 0 0,0 0-1,-1-1 16,-2 1 0,-1 0 0,-3-1 0,1 0-86,-1-2 1,0 1 0,-2-3 0,0 0-75,0 0 0,1-2 0,-1-2 0,1-1 25,2-1 1,-1-2 0,2-4 0,-1 0-278,0-2 1,4-3 0,-1 1 0,2 1-36,1 2 1,0 0 0,0 0 112,0 1 0,4 3 281,2 2 0,2 6 0,0 2 0</inkml:trace>
  <inkml:trace contextRef="#ctx0" brushRef="#br0" timeOffset="2778">1005 271 8355,'-9'0'281,"1"0"1,2-3-1,0 1 1,-1 0 0,2 1 0,0 2-168,-2 2 1,0-2 0,0 5 0,1 1 69,0 1 0,-2 1 0,-1 0 0,1 2-105,3 1 1,0-1 0,3-2 0,-1 0-203,1-1 1,1 1 0,1 0 96,0 0 0,4-4 0,2-3-76,1-1 0,2-1 1,0-1-1,0-1-21,-1-4 0,1-2 0,0-1 0,0 1-385,-1 3 0,1-3 0,0 2 342,-1-2 1,-2 0-1,-1 2 120,-1 0 176,-1 4 1,-3-1 0,0 6 0,0 3 136,0 2 0,-1-3 0,-1 1 0,-1 1 172,1 1 1,1 0-1,2 1-831,2 0 1,-1-4 0,4-1-1314,1 0 1705,4-3 0,-1 2 0,3-3 0</inkml:trace>
  <inkml:trace contextRef="#ctx0" brushRef="#br0" timeOffset="3182">1232 263 6065,'-5'0'1031,"-1"0"0,0 0-738,-3 0 1,3 0 0,1 1-138,-2 2 1,-1 0 0,-1 4 0,0-1 43,1 1 0,2-2 0,0 0 0,0 2-43,1 1 0,-1 1 1,3 0-29,1-1 0,1 1 1,1 0-189,0-1 1,4 0 0,2-2-91,1-3 0,6-2 0,0-1 0,2 0-256,0 0 1,-1-4 0,4-1-1,-2-1-873,-1 1 1278,5-1 0,-5-3 0,6 0 0</inkml:trace>
  <inkml:trace contextRef="#ctx0" brushRef="#br0" timeOffset="3731">1425 289 8975,'5'-5'1032,"0"1"-776,-1 0 0,3 2 1,-1-3-139,2 2 0,-4-1 0,0 2-160,0-1 1,-2-3 0,3 2 35,-1-1 1,-1 2-117,-3-3 0,-1 5 0,-2-2 74,-3 2 0,1 1 0,-1 0 1,0 0 51,-2 0 1,-1 0 0,0 0 0,1 1 31,-1 2 1,0 0 0,0 4 0,2-1 114,1 1 0,-2 1 1,2 1-1,-1 2 169,2 1 0,-3 2 0,3-1 1,0-1 82,2 1 0,2 2 0,1-4 0,1 0-161,2-1 0,2-3 1,5 0-1,2-2-304,6-1 1,0-2 0,7-5 0,1-4-755,2-3 1,9-8 815,1-5 0,3-6 0,3-2 0</inkml:trace>
</inkml:ink>
</file>

<file path=ppt/ink/ink3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2.4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 183 7958,'-1'-8'0,"-1"2"0,-1 0 1440,1-1-745,1 3-494,1 0-73,0 4 0,0 1-124,0 2 1,0 3-1,0 6 1,0 2 71,0 3 0,0 3 0,0 2 1,0 3-81,0 2 1,0-2 0,0-2-1,0 2-31,0 0 0,0 0 0,1-2 0,1-2-43,1-3 1,3-1 0,-2-3 0,-1-2-5,1-2 1,2-2-1,-2 1 10,1 0 0,1-1 4,2-3 1,1-2 73,0-6 1,-3-1 0,-1-6 0,-1-2 33,1-2 0,1-4 0,3-2 0,-1-3-14,-3-3 1,6-3 0,-2-1 0,1 0 33,-1 0 1,0-2 0,1 2 0,0 1-122,2 1 1,3-2 0,-4 7 0,0 3-430,-1 3 1,-2 2 0,1 4-540,0 3 1029,0 3 0,-1 13 0,1 2 0</inkml:trace>
  <inkml:trace contextRef="#ctx0" brushRef="#br0" timeOffset="573">245 437 7047,'0'4'1684,"1"0"-1268,2-4 0,1 0-279,5 0 1,-1-1 0,-1-1-230,-1-1 1,-2-3-1,3 1-34,-1 0 1,-4-3 105,1 2 0,-3 3 1,-2-1-337,-1 0 1,-4 3 260,1-2 0,-1 6 0,-2 3 93,0 1 0,3 2 1,1 1-1,1 0 35,-1 2 0,2 1 1,-2-3-1,1 3 107,2 1 1,1-4 0,1 3-1,0-1 131,0-1 1,1 1 0,2-4-34,3-3 0,2-1 0,1-4 0,2 0-76,1 0 1,2-4 0,-1-2 0,0-4-384,-1-2 0,3 1 1,-3 1-1,1-1-600,0 0 0,-2 0 1,-2 4-1,0 1 821,-1 0 0,1 2 0,0 0 0</inkml:trace>
  <inkml:trace contextRef="#ctx0" brushRef="#br0" timeOffset="872">472 437 6390,'-4'8'525,"3"-2"0,-2 0 0,2 1-142,1 1 0,-3 0 0,0 1 0,1 0-19,1-1 0,1 1 231,0 0-369,0 0 1,4-4-109,2-3 0,-1-4 1,0-4-1,0-3-137,0-3 0,0 3 0,4-4 0,-1 1-62,-2 1 1,3-1-1,-1 3 1,0 1-370,0-1 1,1 1-1,-3 2 1,2 3-491,1 2 0,-1 1 0,1 0 940,0 0 0,0 4 0,-1 1 0</inkml:trace>
  <inkml:trace contextRef="#ctx0" brushRef="#br0" timeOffset="1064">708 480 6981,'0'9'1183,"-1"-1"0,-1-1-627,-1-2 1,0-2-1610,3 3 24,0-4 1,3-6 1028,0-7 0,0-5 0,-3-1 0</inkml:trace>
  <inkml:trace contextRef="#ctx0" brushRef="#br0" timeOffset="1230">699 105 7985,'-4'-9'510,"2"4"649,-4 2 0,2 3 0,-2 3-1217,3 3 0,3 2 1,3 0-1,2 1-1156,-1 0 1,7 2 1213,-2 1 0,5 4 0,0-3 0</inkml:trace>
  <inkml:trace contextRef="#ctx0" brushRef="#br0" timeOffset="1800">935 795 7877,'0'-9'94,"0"0"1,-3 1 0,0-2 0,1-2 220,1-2 1,0-3 0,-1-1 0,-1-2-189,1 0 0,1-6 0,-1 0 0,-2-1-44,-1-4 0,2-1 0,-2-3 0,0 0-32,0-1 1,2-9-1,-1 4 0,0-2-179,2 1 0,1 2 1,1 4-1,1 3 50,2 2 1,3 5 0,4 7-1,3 4 133,0 3 1,2 3 0,2 2 0,2 2-6,1 2 1,-1 1 0,1 5 0,-2 2-54,-4 3 0,3 1 0,-4 0 0,1 0-1018,-2 3 0,-3 2 0,-1 3 1021,-2 1 0,-2-1 0,-4 0 0</inkml:trace>
  <inkml:trace contextRef="#ctx0" brushRef="#br0" timeOffset="2119">830 410 7007,'3'6'0,"1"-1"597,1-1-230,1-1 1,5-3 0,1 0-1,-1 0-154,-2 0 1,3 0 0,0 0-1,-1 0-131,2 0 0,-3 0 1,2 0-1,0 0-755,-1 0 0,4 0 1,-3 0 672,-2 0 0,0 4 0,-1 1 0</inkml:trace>
  <inkml:trace contextRef="#ctx0" brushRef="#br0" timeOffset="2467">1066 445 8442,'0'9'761,"1"-4"0,1-1-395,1 0 0,4-2 0,-2 2 0,3 0-182,1-2 1,0-1 0,0-1 0,2 0-232,1 0 0,-1-3 0,-1-1 0,1 0-206,0-3 1,1 0 0,-3 0 0,0 2-45,-1 1 1,1-1 279,0 2 0,0 0 86,-1 3 1,-3 4 0,-2 2 0,-3 2 260,-3 4 0,1 2 0,-4 4 0,0 2-84,-2 4 1,-4 4 0,1 1-1,-1 0-223,-1 1 0,4-3 0,-3 2 0,3-5-31,3-4 0,2-1 1,4-2-1,0 0 272,0-3-264,0-1 0,4-4 0,1-1 0</inkml:trace>
</inkml:ink>
</file>

<file path=ppt/ink/ink3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6.40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14 53 7409,'1'-8'-1396,"1"1"1549,0 1 1,2 3 678,-1-3-524,-2 5 0,3-4 354,-4 2 6,0 2-434,0-3 1,1 4 334,2 0-246,-2 0 0,3-1 394,-4-2-93,0 2-362,0-3 0,-1 4-82,-2 0 0,2 1-151,-2 2 0,-1-1 66,1 4 0,-3-3 0,4 3-21,0 0 1,-2-1 0,1 1 0,0 0-13,-1-1 1,2 2 0,-3-1 0,0 3-31,1 3 1,-1-3 0,-3 4 0,1-1-22,0-1 1,-2 2-1,4-1 1,-1 1-25,0 1 0,1 2 0,-2-1 0,3 1-60,0 2 1,0 2 0,2 3-1,-1 0-25,1 1 1,1 3-1,1-4 1,0 0-90,0 0 0,0 0 0,0 1 1,1-2 88,2 0 0,-2-2 1,3-3-1,0 0-271,2-3 0,1 2 0,2-3 0,1-1-1108,1 1 1,0-2 1476,4-2 0,-1 4 0,4 0 0</inkml:trace>
</inkml:ink>
</file>

<file path=ppt/ink/ink3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9.5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315 7931,'5'-1'-108,"-2"-2"512,-2 2 9,-1-3-237,0 4 0,0 4-82,0 2 0,0 2 0,0 1 0,0 3-36,0 3 0,0 2 1,0 4-1,0 2-74,0 2 1,0-2 0,0 1 0,0-1 7,0-1 0,-1 0 1,-1-5-1,-1 0-66,1-3 0,1 2 0,1-5 0,0 0-3,0-1 1,0-4-99,0-1 94,0-3 1,0 1 0,0-6-1,0-3-21,0-5 0,0 0 0,0-2 0,0-1 32,0 0 1,0 0 0,0-5 33,0-1 0,1 2 0,1-3 0,2 3 0,0 0 16,-1 1 0,1 2 0,-1 2 0,2 0 140,0 2 0,2 2 0,-3 0 40,1 0 1,-1 3-1,3 2 1,-1 0-3,1 2 0,-2 1 0,0 1-10,2 0 1,-2 1-1,1 2-57,1 2 0,-3 0 1,-1 1-5,-2 1 1,-1-2-1,0 1-21,0 0 0,-1 1 1,-1 0-1,-2-2-208,-1-1 0,-1 2 0,-3-4-72,1 0 0,2-1 0,0-1 0,-1 0-4,-1 0 0,3-3 0,-1-1 0,0-3-31,1-3 0,-2-3 1,4 1-1,1 0 32,1 0 0,1 2 0,1-2-10,2 3 1,-1 3-1,4 1 227,1 1 0,5 1 0,1 3 0</inkml:trace>
  <inkml:trace contextRef="#ctx0" brushRef="#br0" timeOffset="638">263 62 8090,'0'-9'-1295,"0"0"1592,0 0 1,0 4 0,1 0 2182,2 1-1919,-2-3-229,3 6 39,-4-7 202,0 7-727,0-3 0,0 8 0,0 2 0,0 2 161,0 1 0,0 2 1,0 3 116,0 2-108,0 4 0,-1 6 1,-1 0-1,-2 1 25,-1-1 1,0 2 0,-1-2 0,4-4 19,1-2 0,-2-4 1,0 0-1,1-3-122,1 0 1,1-4 0,0-3 0,1-1-65,2 0-1,-1 0-76,4-2 1,-1-3 124,4 0 1,0-4 0,0-5 0,-1-2-51,1-1 0,0 0 1,-1 1-1,1-2-126,0 0 0,0 1 0,-1-2 0,1 2-314,0 1 0,-3 1 1,0 3 566,0 1 0,-2-2 0,0 3 0</inkml:trace>
  <inkml:trace contextRef="#ctx0" brushRef="#br0" timeOffset="879">307 341 8090,'0'6'0,"0"0"488,0 1 0,0-2 0,0 0 17,0 2 0,3-2 0,1 0 1,0 0-871,3 0 0,1-3-219,1 0 0,-1-1 0,1-1 0,0 0 584,0 0 0,-1 0 0,1 0 0</inkml:trace>
  <inkml:trace contextRef="#ctx0" brushRef="#br0" timeOffset="1073">482 437 8256,'-5'4'854,"1"1"0,4 4-1021,0 0 0,0 3 0,0 2 0,0-1 167,0-1 0,0 6 0,0 0 0</inkml:trace>
</inkml:ink>
</file>

<file path=ppt/ink/ink3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11.97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 394 8198,'0'-9'1986,"0"5"-1724,0 0 0,0 6 0,0 2-420,0 5 139,-4 2 1,3 2-1,-2 1 71,2 3 0,1-1 1,0 0-1,0-2-53,0 2 0,0-4 0,0 0 0,0-2-15,0-2 0,4-3 0,2-1 15,1 0 0,2-4 1,1 0-1,1-4 15,0-1 0,1-2 0,-3 1 0,-1-2-27,1-1 0,-1 3 1,-1 2-1,-1 0 45,0 2 1,-1-2 0,1 1 1,-3 3 0,2 4 0,-1 1 186,-2 1 1,-1 2-1,0 0-102,1-2 1,0 1-45,4-4 0,0-3 1,3-4 14,0-5 0,-1-6 1,1 1-1,0-2-86,-1 2 0,1-3 0,0 4 0,0-1-45,-1 2 1,0 0 0,-2 0 0,-2 2-1853,0 4 1894,-3-2 0,7 3 0,-4-4 0</inkml:trace>
  <inkml:trace contextRef="#ctx0" brushRef="#br0" timeOffset="277">384 551 8017,'0'6'358,"0"0"0,-2 1-171,-1 1 1,-1 4 0,2 3 0,-1 1-310,1 2 0,1-2 0,1 0 0,0-3 122,0 0 0,4 3 0,1-3 0</inkml:trace>
  <inkml:trace contextRef="#ctx0" brushRef="#br0" timeOffset="1244">751 342 8125,'-5'0'411,"-1"0"0,3 0 1,-3 0-353,-1 0 1,2 3 0,0 1 0,-1 0-63,1 3 1,-3 0 0,2 0-1,-1-1 68,-2 0 1,0 5-1,0 1 1,1-2 40,-1 0 1,3-1-1,0 1 1,0 0 66,2 2 0,-3 2 0,4-2 0,1-1 54,1-2 1,1 3 0,0 0-136,0-2 0,4-1 0,2-2 0,1-2-212,2-1 0,3-1 0,1-3 0,2-1-310,0-2 1,4-2 0,-4-4 0,4 0-1352,1 1 1781,1-1 0,-4-4 0,1 0 0</inkml:trace>
  <inkml:trace contextRef="#ctx0" brushRef="#br0" timeOffset="1605">917 586 8437,'-2'9'0,"-1"0"166,1 0 1,0-1-1,0 2 1,-2 1-131,-1 0 0,3 4 1,-1-3-1,2-1-132,1 2 96,-4-3 0,3 6 0,-2-2 0</inkml:trace>
  <inkml:trace contextRef="#ctx0" brushRef="#br0" timeOffset="2407">1136 307 8080,'-4'-9'473,"3"4"0,-2-2-233,6 4 0,-1 1 0,4 2 1,1 0-100,0 0 1,2 0 0,0 0 0,0 0-37,-1 0 0,1 0 0,0 1 0,0 0-169,-1 2 1,-2 3 0,0-2 0,0 1-229,-1 2 0,1-2 0,-3 0 101,-1 2 1,-1 1 0,-1 1 0,-1-2 116,-2-1 1,1 2 0,-3-1 0,-2 3 31,-1 1 0,-4 1 0,1-3 0,0 0 82,1 3 1,-1-2 0,-1 1 0,1 0-29,2 1 1,1-3 0,1 3-1,1-2 245,-1-2 1,4 1 0,-1 0 203,0 0 1,3-1 0,-2 1-253,2 0 1,5-3-1,2-1-194,1-2 1,2 0-1,0-3 1,0 0-164,-1 0 0,1 0 1,1 0-1,1 0-325,0 0 0,1-1 1,-3-1-1,0 0 473,3 0 0,-2-3 0,2 0 0</inkml:trace>
  <inkml:trace contextRef="#ctx0" brushRef="#br0" timeOffset="2683">1110 455 8086,'-5'0'2431,"9"0"-2160,7 0 1,2 0 0,1 0 0,-1 0-603,1 0 1,-1 0 0,3 0 0,-2 0-852,2 0 1182,-3 0 0,3 4 0,-2 1 0</inkml:trace>
</inkml:ink>
</file>

<file path=ppt/ink/ink3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1:18.10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49 1 7185,'5'0'657,"-2"0"-372,-3 0 1201,0 0-1536,0 4 1,-1-3 6,-1 2 0,-2-1 1,-3 0 43,1 0 1,1 2-1,-2-2 1,2 1-1,-2-1 1,-1 3 0,-1 0 8,0 0 0,1 1 1,-1-2-1,0 1-23,1 2 0,0-2 0,1 0 0,1 0-31,-1-1 1,2-1 0,1 3 30,0 1 0,0-3 0,2 0-31,-1 0 1,0-2 226,3 3 207,0-3 0,1 2-282,2-4 0,2 3 0,4 0-82,-1-1 0,-2-1 0,0-1 0,1 1 41,1 2 0,0-2 0,1 2-110,0-2 1,-1 2-1,1 0 1,0-1-62,0 2 0,-1-3 0,1 2 0,-1-1-106,-2 1 1,2-1-253,-3 4 1,-1-3 0,-1 3-99,-2 0 560,-5-2 0,-5 4 0,-4-3 0</inkml:trace>
</inkml:ink>
</file>

<file path=ppt/ink/ink3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34.33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1 18 7243,'-9'0'2332,"3"0"-2128,0 0 288,5 0-252,-3 0-170,4-4-130,0 3 0,4-3 0,0 3 60,1-2 0,3 2 1,-2-2-53,2 2 0,3 1 0,1 0 31,-1 0 1,-2 0 0,0 0-15,0 0 1,-3 1 0,-1 2-6,2 3 1,-3-1 0,-1 1 21,-2 1 0,-1 0 0,-1 2-13,-2 0 0,1 0 1,-4 0-1,0 2 7,-2 1 0,-1-1 1,0-2-1,1 1 1,-1 1 1,-3-1-1,1 3 1,0-2-21,1 1 0,1 1 0,1-3 0,-1 2 0,0-1 1,1 1 0,3 0 0,1-1 88,0-2 0,3-3 0,-2 0 3,2 1 1,2 0 149,2-2 0,2 2 1,4-4-1,2-1-51,1-1 0,-1-1 0,-1-1 0,1-1-144,0-1 1,5-3 0,-2 2 0,0 1-120,1-1 1,-5-2 0,2 3 0,-2 1-533,-2 1 0,1 1 647,0 0 0,0 0 0,-1 0 0</inkml:trace>
  <inkml:trace contextRef="#ctx0" brushRef="#br0" timeOffset="1">27 184 7877,'-6'0'810,"1"0"-331,3 0 1,-1 0-290,6 0 1,2 1 0,6 1-402,1 1 1,0 0 0,0-3 0,2 0-79,-1 0 1,4 0 0,-3 0-1,3-1-549,0-2 838,1-2 0,-1 0 0,1 1 0</inkml:trace>
</inkml:ink>
</file>

<file path=ppt/ink/ink3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34.35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54 80 7608,'-6'3'-1473,"0"-1"1430,1 1 1,-1-3 6,0 0 18,0 0-69,-3 0 20,5 0 1,-1 0 46,2 0 2,2 0 32,-3-4 67,0 3-35,3-2 0,-4 3 335,2 0 196,2 0-235,-6 0 1,5 0 181,-4 0-282,4 0 1,-5 1 183,4 1-83,0-1 25,-1 3-158,3-4-488,-2 0 266,3 0 1,1 0 58,1 0 0,0 0 0,4 0-33,1 0 0,-2 0 0,1 0-62,0 0 0,2 0 0,1 0 0,0 0-71,-1 0 0,1 0 0,0 0 0,0-1-106,-1-2 1,1 2 0,0-1 0,0 1-82,-1 1 0,1 0 0,0-1 0,0-1 306,-1-1 0,5 0 0,1 3 0</inkml:trace>
  <inkml:trace contextRef="#ctx0" brushRef="#br0" timeOffset="1">175 1 8238,'-4'0'984,"-1"3"-857,2 0 1,2 1 0,-3-2-131,0 1 1,2-1 0,-4-1 64,0 2 1,1-2 0,-1 3-7,-1 0 0,-1-2 1,0 3-1,-1 0 26,0 0 0,1-3 0,1 4-65,-2 1 0,2 1 0,-5 1 0,3-2-74,0-1 0,4 2 0,1-3 0,1 1-23,0-1 1,0-2 0,1 3 58,-1 1 0,0-2 0,4 0 2,2-1 1,-1 1 0,3-2 0,2 0 4,1 1 1,1-3-1,-1 3 1,1-1-49,0 0 1,1 0-1,0-2 1,2 1-201,-1 1 1,1-1-1,0-1 1,-1 1 28,-2 1 0,3 0 1,0-2-1,-2 1 233,0 1 0,3 4 0,0-2 0</inkml:trace>
</inkml:ink>
</file>

<file path=ppt/ink/ink3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34.36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6 35 9312,'-5'4'117,"3"2"0,1 2 1,1 3-30,0 1 1,0 3-1,-1 1 1,-1 2-19,-1 3 1,-3 5 0,2-1 0,0 1-98,0 3 1,-2-1 0,3-3 0,-1-2 5,0-2 0,1-1 1,2-2-1,-1-2-157,-1-2 1,0-3 0,3-2-59,0 0 0,0-1-59,0 1-196,0-4 330,0-1 0,0-14 160,0-1 0,-1-4 0,-1 4 0,-1-1 21,1-2 1,0 0-1,0-4 1,0 1-16,0-1 1,-2 0 0,1-2 0,1 0 24,1 0 0,-2-1 0,0 1 0,1 0 37,1 2 1,1 1 0,0 2 0,0 1 20,0 2 1,3 0 0,0 2 0,0 0 82,1-2 0,0 0 1,2 4-1,0 0 8,1 2 1,1-2 0,1 2 0,0 0-122,3 0 1,-1-1 0,2 4 0,1 1-115,-1 1 0,-1 1 1,2 0-1,-2 1 74,-1 2 0,-1-1 0,-2 4 1,1 1-97,0 0 1,-4 2 0,-2 0 0,-2 0 161,-1-1 1,0 5 0,-1 1 0,-2 3-81,-3 0 0,-2 1 0,-1-1 0,0 1-77,-3-1 1,2 3 0,-2-2-1,0-1 73,0-1 1,1 0 0,2-1 0,0-1-72,1-2 0,-1 3 0,1-2 0,1-1 142,1 1 1,4 1 0,0-2 0,1-1-51,1-1 0,0-2 1,0 1-1,1-1 24,1-2 1,2 1-1,3-2 1,-1 1-25,1 0 1,1-4 0,1 1 0,2-2-286,1-1 0,-1 3 0,-1-1 0,1 0-383,0-1 1,1-1 646,-3 0 0,3 0 0,2 0 0</inkml:trace>
  <inkml:trace contextRef="#ctx0" brushRef="#br0" timeOffset="1">323 420 8700,'9'-3'216,"0"-1"-219,0-1 1,-4 2 0,1-3-119,1-1 0,-3 2 0,0 1 5,0 0 175,-3-3 0,2 6 1,-6-2-47,-3 2 0,-2 1 361,-1 0-266,1 0 1,-1 1 0,0 2 0,0 2-59,1 0 0,0 2 1,1-1-1,1 2-18,0 1 1,1-1-1,0-2 1,1 0 9,2 1 0,1 1 0,1 0 0,0 1-43,0 0 1,0 0-1,1-1-139,2 1 0,2-3 0,4-1 0,-1-1-61,1-2 0,1-1 0,0-1 1,3 0-530,1 0 730,-4-4 0,7-1 0,-4-4 0</inkml:trace>
  <inkml:trace contextRef="#ctx0" brushRef="#br0" timeOffset="2">551 323 7229,'-8'1'-118,"2"2"0,-1-1 1,3 3-1,0 0 827,1 0 0,-3 1 0,2 1-472,-1-1 0,3 2-8,-1-2 1,2 2-341,1 0 1,4 0 0,2-1-1,2-1 0,0-4 0,0 2 0,-1-2 69,-1 1 0,0 1 0,2-2 0,1 1 30,0-1 1,-3-1-1,0 0 70,0 2 0,-1-1 0,0 4 12,-1 0 1,-1-1 0,-4 1-1,-2 0-95,-3-1 0,1 3 0,-2-4 1,-1 2 36,-3 0 0,-1-3 1,4 2-1,-1-1-139,0-2 1,-2-1 0,-1-1 0,1 0-177,1 0 1,5-3 0,-1-1-1,0-1-103,1-2 1,-2-1 0,4 0 405,1-1 0,2 0 0,3 0 0,2 1 0</inkml:trace>
  <inkml:trace contextRef="#ctx0" brushRef="#br0" timeOffset="3">725 393 8579,'0'9'144,"0"0"1,0 0-1,0 3 1,0 3-23,0 1 1,0 5 0,0 1 0,0 2-128,0 3 1,-3 2 0,0-3 0,-1 0-101,0 0 1,1-4 0,3-1-1,-1-4 75,-2-2 1,2-2 0,-2-5-239,2 1 81,1 0 0,-1-5 0,-1-5 123,-1-7 1,0-4-1,3-4 1,0-1 111,0-1 1,0-6 0,0 0 0,0-3-47,0-2 0,0-3 1,0 3-1,0 1 15,0 0 0,3 5 1,1 2-1,0 1 50,0 4 0,3 4 1,-1 1-1,0 1 104,0 1 0,2 4 0,-1 1 0,3 1-79,1 1 1,1-1-1,-3 4 1,-1 1 36,1 0 0,0 5 0,0-1-65,-1 2 1,0 3-1,-2 1 1,-3-1 64,-2-1 0,-1-2 1,0 1-1,-1 0-97,-2-1 1,1 0 0,-4-1 0,-1-2-272,0-1 0,-2-1 0,0-3 23,0 0 1,1 0 0,-1-1-1,0-2-60,0-3 0,1-2 1,-1-2-1,1 0-130,2-2 1,-1 1-1,5 2 146,0 0 1,1 3 0,2 1 259,2 1 0,5 2 0,6 2 0</inkml:trace>
  <inkml:trace contextRef="#ctx0" brushRef="#br0" timeOffset="4">979 376 8782,'-8'4'782,"2"2"-646,3 1 1,-1 2 0,1 0 0,2 0-72,0-1 0,1 1 1,0 0-1,0-1-6,0 1 0,2 0 0,2-1 0,1-2-224,2 0 0,-2-3 0,1 2 0,1-1-90,0-2 0,2-1 0,0-2 107,-1-2 0,0-2 0,-1-4 0,-1 1 71,1-1 1,-3-1 0,-1 0 0,0-2-5,0 1 0,0 2 0,-3-1 0,-1 0-22,-2 1 0,1-3 0,-3 5 1,-2 1-50,-1 1 0,-1-1 1,0 4-1,1 0 38,-1 1 0,0 4 0,2 3 1,0 2-26,1 1 0,4 0 0,-1-1 0,2 1 139,1 0 0,0 0 0,0-1 0,0 1 0</inkml:trace>
  <inkml:trace contextRef="#ctx0" brushRef="#br0" timeOffset="5">1154 323 7891,'-3'9'48,"0"0"0,-1 3 0,2 0 0,-1 1 181,1-1 1,1 4 0,1-2-1,0 0 13,0 1 0,0-5 1,0 2-1,1-2-97,2-2 0,2 0 1,4-1-98,-1-1 0,1-4 0,0 1 1,0-3-276,-1-3 1,1-2 0,0-4 0,-1 0-29,1 1 1,0-1-1,0 0 1,-1 0 178,1 1 0,0 2 1,-1 0-1,-2 0 84,0 1 0,-3 2 47,3 3 1,-4 0 0,1 3 237,-2 3 0,-1 5 1,0 1-1,0-2-213,0 0 1,0-1 0,0-1-306,0 1 0,0 0-715,0 0 940,4-5 0,1-4 0,3-4 0</inkml:trace>
  <inkml:trace contextRef="#ctx0" brushRef="#br0" timeOffset="6">1486 323 7864,'-9'4'144,"3"-2"1,0 4-1,0 1 351,2 1 1,-4 0 0,2 1-319,-2 0 1,3 0 0,2-1 0,1 1-116,0 0 0,1 0 1,-2-1 20,2 1 0,4 0 1,0-2-1,1 0-433,0-1 0,3-3 0,-1 2 47,2-1 0,0 3 309,1-2 0,-1 0 0,-2 1 96,-3 1 0,-2-2 1,-1 1-32,0 0 1,-3-1 0,-1 0 0,-1 0-76,-2 0 0,-1-3 0,0 1-203,-1-2 1,0-1 0,0 0-265,1 0 1,0-4 0,1-2-150,1-2 1,4-1 619,-1 1 0,2-1 0,1 0 0</inkml:trace>
  <inkml:trace contextRef="#ctx0" brushRef="#br0" timeOffset="7">1608 411 7859,'6'0'73,"0"0"200,0 0 0,-1 0 0,1-1-82,1-2 1,0 1 0,-1-3 0,-1 0-51,-1 0 0,0 3 0,-2-1 77,1-1 1,0-1-170,-3-4 1,-4 4-1,-2 2 65,-2 2 1,-3 1-1,-1 1 1,1 1-69,2 1 1,-1 4 0,-1-1 0,1 2 15,2 0 1,-1 2 0,4 1 0,-1 0 17,1 0 0,3 2 0,-1-2 1,2 0-61,1-1 0,0 1 0,1 1 0,2-1-214,2-2 1,3 0 0,2-1 0,2-2-346,2-3 0,3 0 0,1-1 0,2-2 539,0-2 0,4-8 0,-1 0 0</inkml:trace>
</inkml:ink>
</file>

<file path=ppt/ink/ink3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34.37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7 0 7522,'-5'0'922,"1"0"0,3 0-113,-2 0-473,2 4 0,-4-3-241,2 2 0,2-1 1,-3 0 42,0 1 0,3 1 0,-2-1-150,-1 2 0,2 0 0,-3 1 0,0 0 8,0-1 0,0 3 1,-1-3-1,0 3 12,-1 1 1,-1 3 0,-1 0 0,2 2 22,1 1 0,-2 1 0,2-1 0,-2 0-50,0 1 1,2 3-1,0 1 1,0 0-77,1-2 1,1 3 0,4 0-1,0 0-24,0 1 1,0-2 0,1-2 0,2-2-237,3-1 1,2 0 0,1-3-1,0-2 84,3 0 1,-2-1 0,2 0 0,0-2-414,0-1 0,-1 1 684,-2-4 0,4 4 0,0-2 0</inkml:trace>
  <inkml:trace contextRef="#ctx0" brushRef="#br0" timeOffset="1">341 280 7905,'-4'-5'722,"2"1"116,-3 4-278,-1 0-380,-3 0 1,1 1 0,1 1 0,3 2-102,0 1 1,1-2-1,2 2 1,-1-1-176,-1 1 0,0 1 0,3 3 65,0 0 1,1-1 0,1 1-97,1 0 0,4-3 0,-1-1 108,1 2 1,2 0 0,-1 0 0,-1-2-161,-2-1 1,-2 1 0,2-1 93,-1 1 1,-1 1 0,-3 3 69,0-1 1,-1 1 0,-2 0 0,-2 0-55,0-1 0,-2 0 1,1-1-105,-2-1 0,-1-4 0,1 1-184,-1-2 0,0-2 0,1-2-25,3-3 1,1-2 0,4-1 381,0 1 0,0-1 0,0 0 0,4 0 0,0 1 0</inkml:trace>
  <inkml:trace contextRef="#ctx0" brushRef="#br0" timeOffset="2">499 9 7906,'4'-4'-161,"1"3"797,-2-2-384,-2 2 0,3 2 0,-4 2 0,0 3-170,0 2 0,0 4 0,0 4 0,-1 3-69,-2 5 1,-2 4 0,-2 1 0,0-1 24,1-1 0,1 1 0,-1 0 0,3-4-29,2-2 1,-2-1 0,1-4 0,0 0-4,1-3 0,4-1 0,0-4 34,2-1 1,1 0 0,3-2-53,0-3 1,-1-2 0,1-1 20,0 0 0,-1-1 0,1-1 0,-1-2-225,-2-1 1,2-1 0,-3-2-1,2-1-417,-1 0 1,2 0 0,-3 1-734,0-1 1366,2 4 0,-6-3 0,3 3 0</inkml:trace>
  <inkml:trace contextRef="#ctx0" brushRef="#br0" timeOffset="3">551 411 8262,'0'9'980,"0"-1"1,0 1-720,0 0 1,0 0 0,1-1-128,2 1 1,-1-1 0,3-1-1,0-2-550,-1-2 1,-1 3 0,2-2 0,0 0-565,0 0 0,-2-1 980,3-3 0,-4 4 0,1 1 0</inkml:trace>
  <inkml:trace contextRef="#ctx0" brushRef="#br0" timeOffset="4">700 455 8266,'-6'1'2746,"1"2"-2516,1 2 0,0 3 0,1 2 0,-2 2-563,0 2 1,-1 3 0,3 0 0,1 1-763,1-1 1095,-3 0 0,3 1 0,-3-1 0</inkml:trace>
</inkml:ink>
</file>

<file path=ppt/ink/ink3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34.38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 9 7558,'0'-4'398,"0"0"1,0 5 0,0 2 0,0 2-242,0 3 1,0 1 0,0 0-1,0-1-83,0 1 1,-1 1 0,-1 0 0,-1 2-90,1-1 1,1-1 0,2-2-118,2 1 1,-1-4 0,4-1-4,0 0 1,2-3-1,1 1 82,0-1 0,-1-3 0,0-2 178,-2-1 313,2 3-333,-3-2 0,0 4 0,0 1 30,-1 2 0,-1-1-94,-3 4-101,4-1 0,1 0 80,3-2 0,-2-3 0,-1-3 0,0-2-15,0 1 0,-2-4 0,2 2 0,-1-2-91,1 0 1,-3-1 0,2 0 0,-1 0-364,0 1 1,1-1 0,-2 0-457,1 0 0,0 4 905,-3-1 0,0 4 0,0-2 0</inkml:trace>
  <inkml:trace contextRef="#ctx0" brushRef="#br0" timeOffset="1">289 158 8051,'-1'5'758,"-1"-1"1,-1 0-532,1 1 0,1 0 1,-1 1-1,-1 1-323,1 1 1,1 0 0,1 1-1,0 0-645,0 0 1,0-4-1,0 1 741,0 1 0,0 5 0,0 1 0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14.41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36 7799,'0'-5'414,"0"0"-46,0 2 25,0 2-53,0-3-303,0 1-92,0 2 0,0-4-95,0 2 60,0 2 130,0-3 122,0 4 91,0 0-212,0 4 1,0-2-1,0 4 1,0 0-8,0 2 1,0 1-1,0 0 1,0-1 6,0 1 0,0 3 0,0 0 0,0 2-36,0 2 0,0-4 1,0 1-1,1-2-36,2 1 1,-2 0 0,4-4 0,0 1 26,0 0 1,-2 0-1,3-1-14,1 1 0,-1-3 0,1-1 19,-1-1 0,0-1 0,3-3 0,-1-1 8,1-2 0,-3-1 0,0-4 0,0 1-16,2 0 0,0-5 0,-1 3 1,-1-1-32,0 1 0,-2 0 1,0 1-1,-1 1 33,0 2 0,1 0 3,-1-1 38,-2 2 1,3 5-19,-4 2 1,0 2 0,0 3 0,0 1-7,0 0 1,0 0-1,0-1 1,0 1-17,0 0 1,1-3 0,1 0 0,1 0-20,2 2 1,-2-3-1,2-1 1,0-1 89,0 0 1,1 0 0,2-3 34,1 0 0,-3-1 1,0-2-1,0-3-29,-2-2 0,4-1 0,-2 0 0,1-2-46,-1-1 0,1-2 0,-2 1 0,1 1-278,0-1 0,-3-2 0,2 3 0,-1-1-54,-3 1 0,0 0 0,-1 3 305,0 0 0,4 1 0,1-1 0</inkml:trace>
  <inkml:trace contextRef="#ctx0" brushRef="#br0" timeOffset="738">507 97 7952,'-4'0'0,"0"0"268,4 0 0,-1 0 737,-2 0-631,2 0-268,-3 0 1,5 0-21,2 0 0,-1 0-81,4 0 0,-1 0 0,4 0 0,0 0 63,0 0 1,-1 0-1,1 0 1,0 0-139,0 0 1,2-3-1,2 0 1,-1 1-29,1 1 1,2-2 0,-4 1 0,0 0-310,-1 1 1,1 1-1,1 0 1,-1 0-682,-2 0 1088,0 0 0,0 0 0,0 0 0</inkml:trace>
  <inkml:trace contextRef="#ctx0" brushRef="#br0" timeOffset="1632">516 27 9733,'-6'0'557,"1"0"0,2 0-512,-3 0 1,0 3 0,-3 1-78,0 1 0,4-2 1,0 3-1,0-1 12,0 0 1,-1 3-77,-2-2 1,2-1 53,0 0 1,3 0 26,-3 1 0,4-1 14,-1-2 0,2-1 3,1 4 1,0-3-3,0 2 1,1-2 38,2 3 1,2-1 0,4 2-34,0-1 0,-1-4 0,1 1 0,0-3-53,-1 0 0,2 0 1,1 1-1,1 1-221,-2 1 0,4 0 0,-1-3 0,1 0-250,-2 0 1,0 0-1,1 0 1,-1 1 517,1 2 0,-1-2 0,-4 3 0</inkml:trace>
</inkml:ink>
</file>

<file path=ppt/ink/ink4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34.3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6 315 11373,'-9'0'426,"3"0"0,0 0-229,-1 0 0,3 0 1,-2 1-264,-1 2 1,-1 0-1,-1 4 1,2-1 90,1 1 0,-1 1 0,3 0 0,0 1-140,0 0 1,1 0 0,3-1-1,-2 1 117,-1 0 0,0 0 0,3 0-146,0 3 0,4-2 0,0 1 0,2-2-103,0-3 0,0 1 1,3-5-1,0 0-209,3-1 0,-2-1 1,2-1-1,0-1-1527,0-4 1983,-1-2 0,-2-1 0,0 0 0</inkml:trace>
  <inkml:trace contextRef="#ctx0" brushRef="#br0" timeOffset="1">237 9 8239,'-5'-1'1258,"1"-1"-237,0-1-805,3 0 1,-3 4 0,5 1 0,1 2 17,1 1 1,4 1-1,-1 3 1,1 3-27,2 2 1,0 6-1,0 2 1,-1 3-164,1 2 0,0 1 0,-1-1 1,-2 1-148,0 1 0,-4 3 0,1-3 0,-2 0-167,-1-2 1,-4 1 0,-2 0-1,-1-1-286,-2 1 1,-1 0 0,-1-4-1,0-2-1837,0 0 2392,-2-2 0,-1-3 0,-4 1 0</inkml:trace>
</inkml:ink>
</file>

<file path=ppt/ink/ink4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48.82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45 9 7634,'0'-5'1644,"0"1"-1498,0 4 37,0 0-194,-4 0 0,2 0 17,-4 0 1,3 0 28,-3 0 0,0 0 14,-2 0 0,-1 0 1,0 0 0,1 0-36,-1 0 1,0 1-1,0 1 0,1 1 1,2 0-1,0-3 3,-1 0 0,2 3 1,-1 0-14,0-1 1,1 2-1,-1-1 3,-1 2 0,2-2 1,-1 2-1,1 0-78,0 0 1,-3 0 0,3 1-1,-1-1 14,1-1 1,0 3-1,-2-1 39,1 2 0,1 0 0,-1 1 0,2 0-15,1 0 0,2-1 0,-3 1 63,0 0 1,3-3 0,-2-1 12,2 2 1,1 1 0,0 1-24,0-1 0,3 1 0,1-1-6,1-2 0,-2 1 1,1-4-1,1 1 1,0 0 0,1 3 0,3-2-14,-1 0 1,4-1 0,0-4-1,-1 0-12,2 0 0,0-1 0,3-1 0,0-2-55,-1-1 0,4 3 0,-5-2 1,2 1-352,-2 0 0,2 0 0,-5 3 1,0 0 416,-1 0 0,3 0 0,0 0 0</inkml:trace>
  <inkml:trace contextRef="#ctx0" brushRef="#br0" timeOffset="1">603 79 9299,'-5'0'-8,"1"0"-52,4 0-66,0 0 152,4 0 1,-2 0-8,4 0 1,0 0-1,2 0 1,1 0-30,0 0 0,0 3 0,-1 0-11,1-1 1,0-1 0,0-1 0,-1 0-16,1 0 1,1 0 0,0 0 0,2 0-27,-1 0 0,-2 0 0,0 0 0,0 0-170,0 0 0,-1 0 1,1 0-278,0 0 1,-3 0-501,0 0 1009,-5 0 0,3 3 0,-4 2 0</inkml:trace>
</inkml:ink>
</file>

<file path=ppt/ink/ink4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48.83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84 9 7891,'0'-5'1213,"0"1"-1114,-4 4 0,-1 0-82,-4 0 1,1 3 0,-1 1-112,0 1 0,0-2 1,1 2 66,-1-1 0,0 0 1,0-2-1,1 0-35,-1 0 1,0 2 0,1 0-1,-1 0-5,0 0 1,1 0 0,2-2 10,0 1 91,0 4 0,0-6 40,0 5 1,4-3 30,-1 3 0,2-3 1,2 2-48,2-1 1,-1 1 0,3-1-81,-1 1 0,3-2 1,-1 2-26,1-1 0,2 2 0,0-3 0,0-1-88,-1-1 0,2 1 0,1 1 0,0 0-226,0 1 1,-1-3 0,-2 3-1,1-1-301,0 0 661,0 0 0,-1 1 0,1 0 0</inkml:trace>
  <inkml:trace contextRef="#ctx0" brushRef="#br0" timeOffset="1">376 219 6117,'0'-6'1132,"0"0"-569,0 4-281,0-2-5,0 4-236,0 0 1,0 4-46,0 2 1,0 2-1,0 1 1,0-1-3,0 1 0,0 3 1,-1 0-1,-1 1-65,-1 0 1,-3 1-1,4-2 1,0-1-22,1-2 1,1 0 0,0 0-263,0-1 327,0 1 0,0-3 157,0 0 1,0-5-91,0-1 1,0-4-1,0-5-41,0 0 0,0 0 0,0-2 6,0-1 1,0 1-1,0 2-14,0 0 0,0-2 1,0-1 14,0 1 1,3 5 0,-1 0 0,0-1 11,-1-1 0,2 2 0,0 0 1,0 1 39,1 0 1,-2-3 44,4 2 1,-3-2-45,2 0 1,-2 3-56,3 2 0,-3 2 14,3 1 1,-3 0 0,2 1-2,-1 2 1,-1-1 0,-3 4 0,1 0-13,1 2 0,-1-2 1,2 0 10,-2 1 0,-1-3 1,0 2 77,0 1 1,0-2-13,0 1 1,-1-4 0,-1 2 0,-2-1-46,0-1 1,1 2 0,-3-2-31,-1 1 1,2 0 0,-1-2-12,0 2 0,1-2 0,-1 2 1,4 2 78,-1 1 0,2-2 1,1 2 10,0 1 0,0-2 1,1 0-1,1 0-36,1-1 1,3-1-1,-2 2 1,0 0-65,3 0 1,-2 0 0,1 1 0,0-3-251,-1 1 0,2 0 1,-1 3-304,2-1 1,1-3 0,-1 2 566,1-2 0,0 4 0,0-2 0</inkml:trace>
</inkml:ink>
</file>

<file path=ppt/ink/ink4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4:48.83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2 27 8247,'0'-6'248,"0"0"-157,0 4 59,0-2 1,0 3 56,0-2-114,0 2 0,0-3-31,-3 4 1,1 0 24,-4 0 1,3 0 39,-3 0 1,3 0-1,-3 0-24,0 0 1,1 0 0,-1 0-3,-1 0 1,-1 3-1,0 1-13,-1 1 0,1-2 0,1 2 1,1 0-56,0 0 1,-2-1 0,-1 3 0,0-1 5,1 1 0,0 1 1,1-1-1,1 0-28,0-1 1,-2 0 0,-1 3 0,1-1-43,2 1 0,-1 0 0,1 0 1,-1-1 7,1 1 0,-2 2 0,4-1 0,-2 0-20,0 1 0,4-1 0,-2-1 1,1 0 35,0 0 1,0-1-1,3 1 1,0 0 47,0 0 0,0 3 0,0 2-9,0-1 0,0 0 0,0-4 0,1-1-21,2-3 0,-1 3 0,3-2 0,0 2-13,0 0 1,0-2 0,1 0 0,0 0-3,1-1 0,1 2 0,1-4 0,-1-2-38,1 0 1,0 2 0,0 0-1,2-1-32,1-1 0,0-1 1,-1 0-1,2 0-506,0 0 0,-1 0 0,3 0 580,0 0 0,2-4 0,0-1 0</inkml:trace>
  <inkml:trace contextRef="#ctx0" brushRef="#br0" timeOffset="1">551 44 8147,'0'-6'-1654,"0"1"2144,0 3-45,0-2-128,0 0 0,0 2 293,0-4-383,0 4 0,0-3 206,0 2-232,0 2-295,0-3 139,0 4 454,0 0-202,-4 0 0,-1 0-186,-4 0 0,4 3 1,-1 0-72,-1-1 1,0 0 0,0 0 0,2 2-22,2 1 0,-4-3 0,2 2 1,-1-1-18,0 0 0,3 2 1,-1-1-1,-1 1-19,0 2 0,2-2 1,-3 1 32,-1 0 1,2 2-1,1 1-3,0 0 0,0-2 0,2 0 0,-1-1-34,1 1 0,1 1 0,1 0 12,0 1 1,0 0 0,0 0 1,0-1 1,4 1-1,1 0 1,0-1 0,2 0 0,-2-1 1,1-1-48,0 1 1,0-1 0,2 1 0,1-1-29,0 1 0,0-2 0,-2 1 0,0-1 19,-1 0 1,0 3 0,3-2 7,-1 2 1,-2-1-1,-1 0 1,0-1 123,0 1 1,-3-2 0,1 0 195,-2 2 0,-1-2-145,0 1 0,0 0 0,-1 2-82,-2-3 0,1 2 0,-4-3 0,-2 0-24,-3 0 0,2 2 0,-4-3 0,2-2-104,-1 0 1,-3-1-1,3 0 1,-1 0-143,0 0 1,1 0-1,1-1 1,-1 0-301,2-2 1,0-4-1,1 2-341,1 0 872,3-3 0,-3 7 0,3-3 0</inkml:trace>
  <inkml:trace contextRef="#ctx0" brushRef="#br0" timeOffset="2">682 324 8296,'-6'1'260,"0"2"1,4-1-132,-1 3 0,2 1 0,1 4 0,0 2 1,-1 2-183,-1 3 0,1 0 0,-2 1 0,2 0 155,1 2 1,0-1 0,0 1 0,0-1-116,0-2 1,0 0-1,0-3 1,0-2 51,0-2 1,0-2-148,0 1 1,0-3 122,0 0 1,0-8 0,0-1-79,0-4 0,-1-5 0,-1 0 0,-1-1-32,1 1 1,1-4 0,1 2-1,-1-3-89,-2 0 0,2-1 1,-2 0-1,2-2 10,1 0 0,3-1 0,1 4 0,0 0 100,0 3 1,3-2 0,-2 5 0,2 0 330,-1 1 0,2 4 0,-1 1-132,3-2 0,3 3 0,1 1 0,-2 2 84,-2 1 0,-1 0 0,-1 1-107,1 2 0,-1 2 0,-2 4 0,-3-1-65,-2 1 1,-1 0 0,0 0-1,-1-1 16,-2 1 0,-1 0 0,-3-1 0,1 0-86,-1-2 1,0 1 0,-2-3 0,0 0-75,0 0 0,1-2 0,-1-2 0,1-1 25,2-1 1,-1-2 0,2-4 0,-1 0-278,0-2 1,4-3 0,-1 1 0,2 1-36,1 2 1,0 0 0,0 0 112,0 1 0,4 3 281,2 2 0,2 6 0,0 2 0</inkml:trace>
  <inkml:trace contextRef="#ctx0" brushRef="#br0" timeOffset="3">1005 271 8355,'-9'0'281,"1"0"1,2-3-1,0 1 1,-1 0 0,2 1 0,0 2-168,-2 2 1,0-2 0,0 5 0,1 1 69,0 1 0,-2 1 0,-1 0 0,1 2-105,3 1 1,0-1 0,3-2 0,-1 0-203,1-1 1,1 1 0,1 0 96,0 0 0,4-4 0,2-3-76,1-1 0,2-1 1,0-1-1,0-1-21,-1-4 0,1-2 0,0-1 0,0 1-385,-1 3 0,1-3 0,0 2 342,-1-2 1,-2 0-1,-1 2 120,-1 0 176,-1 4 1,-3-1 0,0 6 0,0 3 136,0 2 0,-1-3 0,-1 1 0,-1 1 172,1 1 1,1 0-1,2 1-831,2 0 1,-1-4 0,4-1-1314,1 0 1705,4-3 0,-1 2 0,3-3 0</inkml:trace>
  <inkml:trace contextRef="#ctx0" brushRef="#br0" timeOffset="4">1232 263 6065,'-5'0'1031,"-1"0"0,0 0-738,-3 0 1,3 0 0,1 1-138,-2 2 1,-1 0 0,-1 4 0,0-1 43,1 1 0,2-2 0,0 0 0,0 2-43,1 1 0,-1 1 1,3 0-29,1-1 0,1 1 1,1 0-189,0-1 1,4 0 0,2-2-91,1-3 0,6-2 0,0-1 0,2 0-256,0 0 1,-1-4 0,4-1-1,-2-1-873,-1 1 1278,5-1 0,-5-3 0,6 0 0</inkml:trace>
  <inkml:trace contextRef="#ctx0" brushRef="#br0" timeOffset="5">1425 289 8975,'5'-5'1032,"0"1"-776,-1 0 0,3 2 1,-1-3-139,2 2 0,-4-1 0,0 2-160,0-1 1,-2-3 0,3 2 35,-1-1 1,-1 2-117,-3-3 0,-1 5 0,-2-2 74,-3 2 0,1 1 0,-1 0 1,0 0 51,-2 0 1,-1 0 0,0 0 0,1 1 31,-1 2 1,0 0 0,0 4 0,2-1 114,1 1 0,-2 1 1,2 1-1,-1 2 169,2 1 0,-3 2 0,3-1 1,0-1 82,2 1 0,2 2 0,1-4 0,1 0-161,2-1 0,2-3 1,5 0-1,2-2-304,6-1 1,0-2 0,7-5 0,1-4-755,2-3 1,9-8 815,1-5 0,3-6 0,3-2 0</inkml:trace>
</inkml:ink>
</file>

<file path=ppt/ink/ink4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2.03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3 104 7017,'0'-3'-302,"0"0"1,-1 4 642,-1 1 17,2-2-14,-3 3-63,3-3-123,0 0 106,-3 0 20,2 0-66,-2 3-57,3-2-22,0 2-58,0-3 0,2-3 0,1-1-66,1 1 0,-2-2 0,2 2 0,1-1 1,1-1 0,-1-1 0,-1 0 1,1-1 3,1 1 1,0-1-1,1 1 1,-1-1 38,1 1 0,-3 0 1,0 1-44,1 1 1,1 0 0,0-1-34,-2 1 1,2 2 36,-2 0-54,-1 1 0,0 2 0,-3 1 64,0 3 0,0 0 0,0 2 0,0 0 1,-2 1 15,0 1 0,-2 1 1,1 0-1,0-1-26,0 1 0,0 0 0,2-1 1,-2-1-89,2-1 0,0 0-243,1-1 0,1-2 1,1-2-1463,2-1 1773,-1-1 0,6 0 0,-2 0 0</inkml:trace>
</inkml:ink>
</file>

<file path=ppt/ink/ink4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3.42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98 8295,'4'-1'188,"0"-1"0,1-2 0,1-2-127,1-1 0,-3 1 0,0-1 0,1 1-120,1-1 0,0 1 1,-1-1-1,-1-1 72,1 2 1,1-2-1,1 4-4,-1-2 1,-1 2 12,-1 2 1,-2 1 57,2 1 1,-2 1 0,0 1 0,-1 2-12,-1 2 1,0 1-1,0-1-75,0 1 0,0-1 1,0 1-1,0-1-209,0 1 0,0-3 1,0 0-1,0 2 215,0-1 0,0 2 0,0-1 0</inkml:trace>
</inkml:ink>
</file>

<file path=ppt/ink/ink4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4.79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9 7 9589,'3'-4'108,"1"2"1,0 2-1,0 0 3,1 0 1,1 0-173,1 0 0,-1 0 3,1 0 0,-3 0 0,0 0 23,-1 2 1,-1 0 38,-2 2 0,-1 1 0,0 1 1,-2 1-33,-1-1 1,0 1-1,-3-1 1,1 1-9,-1-1 0,1 1 0,-1-1 1,1 1 29,2-1 0,-2 0 0,3-1 0,-1-1-14,2 1 1,-1-1-1,1 0 36,0 1 1,2 1 0,3 0-39,1-2 1,2-1-1,1-3 1,2 0-237,1 0 1,3 0 0,0 0 0,2 0-728,0 0 0,0-3 985,-2-1 0,0-2 0,0 0 0</inkml:trace>
</inkml:ink>
</file>

<file path=ppt/ink/ink4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5.89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0 7990,'-3'4'1156,"3"-1"-873,-3-3 0,3 0-52,3 0 1,0 0-161,4 0 1,-3 0 0,0 0 1,1 0 0,-1 0 1,0 0-203,1 0 1,-1 0-1,0 1 1,-1 0-11,1 1 1,-3 1 78,2-1 0,-3 0 0,0 2 6,0 1 1,-3 1 0,-1 0-10,-2-2 0,0 2 1,1-2-1,1 1 46,-1 0 0,1 0 0,0-2 9,-1 0 0,1-1 0,1 3-12,0 0 0,1-2 1,2 2 124,0 0 1,0 0 0,3 2-70,1-1 0,2 1 1,0-1-1,1-1-183,2-1 0,1 0 0,3 0 0,1-2-323,1-1 0,0-1 0,2-1 470,1-1 0,1-2 0,0-2 0</inkml:trace>
</inkml:ink>
</file>

<file path=ppt/ink/ink4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18.85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3 137 7737,'-3'3'-417,"-3"-2"0,4 2 437,-2-3 0,3 1 451,-1 1-208,-2-1 0,2 1 178,-2-2-48,3 0-295,-2 0-90,3 0 0,2-2 1,1-2 32,0 0 1,0-1 0,1 0 0,1-3-34,1 0 0,0-1 1,-1 2-1,0-1 26,0-1 1,3-2-1,-4 2 1,2-1-85,0 1 0,1 0 0,-1 3 0,-1-1 43,-1 1 1,-2 0 209,2 2-107,-2 1 0,1 6 0,-4 1 0,0 3-9,-2 1 1,1 0-1,0 3 1,-1 0-61,0-1 0,1 2 0,0-3 1,1 0-173,-2 1 1,3-2 0,-2-1 0,1-1-584,1 1 1,3-1 0,0-1 727,1-1 0,2 0 0,-3 3 0</inkml:trace>
</inkml:ink>
</file>

<file path=ppt/ink/ink4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20.08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4 20 7565,'-5'0'1600,"1"0"-1149,3 0-349,-2 0 0,3-1 1,1 0-107,1-2 0,-1 0 1,3 2-1,2-1 95,-1 0 1,2 0 0,-1-1-158,1 2 1,-1 0 0,1 1 0,-1 0-99,1 0 1,-3 1-1,0 1 138,-1 2 0,1 2 1,-2 1 35,0-1 1,-2 1-1,-3 0 1,-1 1 2,-2 1 0,2-1 0,-1-1 1,-2 0 7,0 2 0,-2-2 0,2 2 1,2-2 5,0-1 1,0 1 0,2-1 0,0 1-4,0-1 0,1 1 0,2-1 6,0 1-30,0-1 1,0 1 0,1-1-5,1-2 1,0 2 0,2-3-1,2 2 1,1-2-14,2 0 1,2 0 0,-1-2 0,1 2-208,3-2 1,0 0 0,-1-1 223,0 0 0,0 0 0,0 0 0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18.48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7 254 8713,'-5'0'947,"0"0"-703,2 0 1,1 0-122,-4 0 1,3 0 0,-2 1 0,1 1 0,-1 1 1,2 0 0,-2-2 0,0 1-77,0 1 0,-1 4 0,-2-2-127,-1 3 0,3 1 0,0 0 1,0-1 103,-2 1 1,-1 1 0,1 0-1,1 2-154,2-1 1,0 2 0,-2 1-1,2 0 77,1-3 0,-2 3 0,4-1 1,0 2 29,1 0 1,1-5 0,0 3-1,1-2-43,2 1 0,1 0 1,5-4-31,0 1 1,1-4 0,0-2 0,2-1-244,-1 1 1,2-2 0,2 2 0,0-3 337,0-3 0,5-2 0,-1-4 0</inkml:trace>
  <inkml:trace contextRef="#ctx0" brushRef="#br0" timeOffset="710">333 446 6831,'-6'0'775,"0"0"1,3 0-462,-3 0 1,3 0-153,-2 0 1,0 1-77,-1 2 0,-1 2 0,4 4 8,1 0 1,0-4 0,0 1-1,-1 1-55,1 1 0,2-2 0,0-1-30,3 2 1,1 1 0,3 0 0,-1-2 54,1-3 1,0 0 0,2 0-166,0-1 1,0 2 0,-1-1-53,1-1 1,0-2 0,-1-3 0,-2-2 5,0 0 0,-3-2 0,2 1 0,0-2 63,0-1 0,-3 1 1,1-2-1,-2-1-23,-1 0 0,0-1 1,-1 3-263,-2 0 1,-3 2 180,-6 1 0,3 2 0,-3 4 0,2 0 20,1 0 1,4 1 0,0 2 167,1 3 0,1 1 0,3 2 0,0 4 0,0 0 0</inkml:trace>
  <inkml:trace contextRef="#ctx0" brushRef="#br0" timeOffset="1468">516 429 7793,'-1'6'447,"-1"0"0,-1 0-222,1 2 1,0 0 0,1-1 0,-2-2-26,1 2 1,1 1 0,1 1-99,0 0 1,0-1 2,0 1 0,1-4-69,2-2 0,1-2 0,5-2-165,0-2 1,-3 1-1,0-4 1,0 0-25,2 1 1,-2-1 0,0 2 0,0-1-18,-2-2 1,4 3-1,-3 0 51,0 0 0,0 3 224,-2-1 0,-2 4 0,2 4 0,-2 2 52,-1 1 1,0 0 0,0-1-1,0 1-46,0 0 1,0-3 0,0-1 0,1 1 69,1-1 1,0 0-37,4-2 1,-3-2 0,3 1-102,1-4 0,0 0 0,-1-3 0,0 0-179,1 0 0,-2-1 0,1-1 0,0 0-83,2 1 0,-2 0 1,0-2 100,1-1 0,0 0 89,2 0 0,-1 4 486,-2-1-219,-2 4 0,-4 2 0,0 6-66,0 1 1,0 2 0,0 0-1,0 0-119,0-1 0,0 1 0,0 0 24,0-1 1,0 1 0,1-1-897,1-2 1,0 1 66,4-4 1,0-1 0,3-2 750,0 0 0,-1-3 0,1-2 0</inkml:trace>
  <inkml:trace contextRef="#ctx0" brushRef="#br0" timeOffset="2240">909 481 7876,'0'-5'35,"0"1"515,0 1 1,-1 2-180,-2-2 0,3 3-242,-3 3 1,1-1 0,0 3 0,-1 2-68,1 1 1,0 4-1,0-1 1,-1 0-76,1-1 0,1-2 0,1 1 0,0 0-18,0 0 0,0-3 0,1-2 56,2 0 1,-1-1-1,4-3-23,1 0 1,0-1-1,2-2-196,0-3 0,-1-1 0,-2-2 0,0 0 40,1 0 1,1 1-1,0-1 1,-2 0 80,0 1 1,-1 2 0,2 1 0,-2 0-273,-1 0 464,2 3 1,-5-1-1,2 6 104,-2 3 1,-1 2-1,0 1 1,0-1-147,0 1 0,0 0 0,0-1 0,1 1 38,2 0 0,-2-3 0,2 0-4,-2 0 1,3-2-195,2-1 1,1-3 0,2-2-40,0-1 1,0-5 0,-1 0-1,1-1 29,0-2 1,0 1-1,-1 1 1,1 1-1,0 2 1,0-1 0,-1 2 0,0-1 92,-2 0-11,2 4 0,-7-1 1,2 6 380,-2 3 0,-1 2 0,0 2 0,0 0-119,0 2 1,-3-1-1,0-2 1,1 0-402,1 0 1,1-1-448,0 1 0,1-4 1,2-2 35,2-2 1,3-4 0,1-1 560,0-1 0,-1-4 0,1-5 0</inkml:trace>
  <inkml:trace contextRef="#ctx0" brushRef="#br0" timeOffset="2416">1320 481 8245,'0'9'712,"0"0"0,0-3 1,-1-1-1,-1 2-286,-1 1 1,0 4 0,3-1-876,0 0 1,0-4-227,0-1 0,1-5 675,2-1 0,2-8 0,4-6 0</inkml:trace>
  <inkml:trace contextRef="#ctx0" brushRef="#br0" timeOffset="2794">1329 158 8206,'0'-6'458,"0"0"1,0 1-1,1-3 118,2 2 0,-2 1 1,3 3-506,-1-1-33,-2 0 1,3 7 0,-4 2-1,0 2-113,0 1 1,-1-1 0,-1 1 0,-2 0-226,0 0 1,1-1-1,-2 1-153,1 0 0,-2-3 320,3-1 0,-3-4 0,3-1 76,2-5 0,0-5 0,1-2 0,1 1 40,1-2 0,-1 2 0,3-2 0,-1 0 95,0 2 1,3 2 0,-2 0-100,1 0 1,-2 4 71,2 2 0,-3 3 0,1 3-214,-2 3 0,-2 2 0,-1 2 163,-1 1 0,-3-1 0,1 3 0</inkml:trace>
  <inkml:trace contextRef="#ctx0" brushRef="#br0" timeOffset="3826">1608 106 7808,'-1'-9'1385,"-1"0"-366,1 4-905,-3 1 0,4 8 0,0 2 0,-1 3-28,-2 2 1,2 4 0,-2 5 0,1 5-78,-1 3 0,2 2 0,-3 3 0,1-1-10,0 1 0,-2-3 1,2-1-1,1-3-145,1-2 0,1-3 1,0-3-1,0-2-21,0-1 0,0-3 0,1-3-57,2 0-54,-2-1 246,2-3 1,-3-2 49,0-6 0,-2-2 0,-2-3 1,0-1 29,0 0 1,-3-2 0,2-1 0,-1 1 13,1 2 0,2 0 1,-2 0 144,1 0 1,-2 1 117,3-1-239,0 4 0,4 1 0,2 4-46,3 0 1,2 0 0,0 1-1,1 1-234,0 1 0,3 0 1,0-3-1,1 0-400,-1 0 0,3 0 1,-2 0 593,0 0 0,2-4 0,2-1 0</inkml:trace>
  <inkml:trace contextRef="#ctx0" brushRef="#br0" timeOffset="5041">2080 44 9855,'-6'0'636,"1"0"1,2 1-527,-3 2 1,1-1 0,-2 3-100,1-1 1,2 3-1,-3-1 1,1 0 29,-1 0 0,0 2 0,1-1 1,0 3 8,-1 1 0,-1 4 0,-1-3 0,1 2-9,-1 1 0,1 2 0,1 1 0,2 2 36,-2 0 1,2 4 0,0-3-1,0 0-27,0 1 1,3 2-1,-1-1 1,2 1-73,1 0 0,0-3 1,1-3-1,2-2-241,3-1 1,1 0-1,0-2 1,-1-1-463,0 1 1,5-2 0,1-4 724,-2-2 0,0 1 0,-1 3 0</inkml:trace>
  <inkml:trace contextRef="#ctx0" brushRef="#br0" timeOffset="5763">2255 342 7922,'-6'0'733,"0"0"-378,0 0 1,1 0-1,0 0-302,1 3 1,-3 1-1,2 3-20,0-1 1,-1-3 0,2 3 17,-1 0 1,3-1-1,-1 1 7,2 1 0,1-2 1,0 1-58,0 0 0,1 2 0,1 1-83,1 0 1,3-4 0,-2 1 0,0 0 73,3-1 1,-2 3 0,0-2-27,-1 1 1,0-1 0,-2 0 60,1 1 1,0 1 0,-4 0-54,-2 1 1,1 0 0,-4-1 0,-1-2-38,-1 0 0,2-3 1,1 2-1,-2-1-83,-1-2 0,-1-1-146,1-1 1,-1-3 0,1-1-1,2-1-235,3-2 0,-1-1 0,2 0 527,0-1 0,1 0 0,1 1 0</inkml:trace>
  <inkml:trace contextRef="#ctx0" brushRef="#br0" timeOffset="6257">2430 79 7896,'0'18'286,"-1"0"0,-2 2-159,-3 0 0,-2 7 0,0 0 0,-1 3 92,0 0 0,1-1 0,2-3 0,1-1 21,1-1 1,-2 0-1,3-4 1,1-1-80,1-4 1,1-2 0,0-4 0,0-1-17,0 1 0,1-3 0,2-1-142,3-1 1,2-1-1,0-3 1,1 0-72,0 0 1,0-1 0,-1-2 0,1-3-178,0-2 1,-1-1 0,1 1 0,0-1-162,0 0 1,-2 3 0,0 1 0,-1 1-2241,1-1 2646,-3 3 0,0-2 0,-4 4 0</inkml:trace>
  <inkml:trace contextRef="#ctx0" brushRef="#br0" timeOffset="6463">2430 490 7983,'0'9'639,"0"-3"1,1-1-396,2 2 0,-2-2 0,2 0 0,1-1-202,2-2 0,-1 0 1,1 0-683,1 1 1,0-1 639,2-2 0,0 0 0,0 0 0</inkml:trace>
  <inkml:trace contextRef="#ctx0" brushRef="#br0" timeOffset="7008">2683 1 7921,'9'8'1107,"-3"1"1,0 0-712,0 0 0,-1 3 0,1 3 1,0 2-50,-1 4 1,-1 1 0,-4 5 0,0 2-177,0 3 0,-1 2 0,-2 0 0,-3-1-363,-2-1 0,-1-1 1,1 0-1,-1-3-20,0 0 1,0-4 0,1-2-1,-1-3 212,0-2 0,0 7 0,1-6 0</inkml:trace>
</inkml:ink>
</file>

<file path=ppt/ink/ink5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21.37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103 7733,'-4'3'1189,"1"-2"-1131,3 5 143,0-5 1,1 1-226,1-2 0,-1-2 1,4-1-1,0 0 89,1-2 0,0-2 0,1-1 1,-1 0-103,1 0 1,1-2-1,0 1 1,-1-1-91,1 1 0,0 0 0,-2 3 180,1-1 0,-3 3 71,0 0-90,-2 2 0,1 0 0,-3 4 0,0 3 120,0 0 0,0 4 0,-1 0 1,-1 2-87,-3 0 1,0 1 0,0 2 0,1 1-53,-1 0 1,0 0-1,0-2 1,1-1-383,1-1 1,1 1 0,2-3 0,0 1-458,0 2 0,0-3 823,0 0 0,0-2 0,0-1 0</inkml:trace>
</inkml:ink>
</file>

<file path=ppt/ink/ink5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22.52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0 20 8309,'-3'0'1538,"0"-1"-1393,3-1 1,3 0-1,1-1-57,2 0 0,0 0 0,1 2-65,-1-2 1,1 1-1,-1 2-91,1 0 1,-1 0-1,1 0 55,-1 0 1,-1 2-1,-2 1-78,0 1 1,-1 0-1,-2 3 69,0-1 0,-2 1 0,-1-1 0,0 1-2,-3-1 0,1 1 1,-2-1-1,1 1-18,-1-1 1,1 1 0,-2-1-1,1 1 31,1-1 0,-2 1 1,3-1-1,0 1 76,1-1 1,1 1-1,2-1 1,0 1 33,-1-1 1,0 1-1,2-1 1,2 1-91,0-1 0,3-1 0,0-1 0,2 0-231,2 0 0,0 1 1,-1-3-1,2 0-341,0-2 1,0 0 562,1 0 0,-2 3 0,-2 1 0</inkml:trace>
</inkml:ink>
</file>

<file path=ppt/ink/ink5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26.85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110 7685,'-2'3'310,"1"0"-12,-2-3-280,3 0 1,3 0-33,1 0 0,1-3 0,0-1 1,0-2 24,0 0 1,0-1 0,2 0-1,-1-1 9,1-1 1,-1 1 0,1 1-1,0 0 14,-1-2 1,1 3 0,-1-1-1,1 2 24,-1-1 0,1 3-50,-1-1 1,-2 2 0,0 1 11,-1 2 1,-1 1 0,-2 2-1,0 1 9,0 1 1,0 0-1,0 1 1,-1 1-58,-1 1 0,1 0 1,-1-2-1,1 1-105,-1 1 0,1-1 0,-1-1 1,1-1-63,1 1 195,0-1 0,3 4 0,1 0 0</inkml:trace>
</inkml:ink>
</file>

<file path=ppt/ink/ink5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28.06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104 7952,'3'-3'196,"-2"-3"0,3 2 0,1 0-131,1 0 0,1-1 1,-1-3-1,2-1-11,0 1 0,-1 1 1,2 0-1,-2 1 70,0-1 1,-1 1-80,1-1 1,-1 3-1,-1 0 18,-1 1 16,-3 1 1,2 5-1,-3 1-63,0 2 0,0 1 0,0 1 0,0 1-72,0-1 1,0 1 0,0 0 0,-2-1-94,0-1 1,0 0 0,3-1 0,0 1-65,1-1 213,3-2 0,-1 2 0,2-3 0</inkml:trace>
</inkml:ink>
</file>

<file path=ppt/ink/ink5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29.32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65 7471,'4'-2'52,"0"0"1,-1-2 0,1 1 0,0 1 31,0-1 0,2 0 1,-2-2-1,2 1 1,0-1 1,-1 1 0,-1 0 0,1 0 7,1 0 0,0-1 0,0 2 3,-2 0 1,0 1-93,-2 0 1,0 1-95,2 1 127,-3 0 1,2 3-1,-3 1-49,0 2 0,0 1 1,0-1-1,0 1-283,-3-1 1,3 1-37,-2 2 1,1-2 0,1 2 330,0-2 0,0 0 0,0-1 0</inkml:trace>
</inkml:ink>
</file>

<file path=ppt/ink/ink5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5:56.72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20 7338,'0'-3'2254,"0"0"-1834,0 3-343,0-3 0,3 2 4,1-1 1,0 1 0,0-1-13,1 0 0,1 0 0,0 2-50,1 0 1,-3 0 0,1 0-94,0 0 1,-2 0 99,2 0 1,-4 3-1,1 1-60,-1 2 0,-2 3 0,0-1 1,-2 0-65,-1-1 1,0 1 0,-3 0 0,1-1 38,-1 1 1,2 0 0,0-1-1,0-1-10,0 1 0,-1-1 0,1 1 55,0-1 1,2 1 24,3-1 1,0 1-1,0-1 21,0 1 0,1-4 0,1 0-17,3 0 0,0-1 1,2 1-1,-1 0-85,1-1 0,2-2 1,0 0-1,1 0 39,2-2 1,-1 0 30,0-2 0,1-1 0,-2-1 0</inkml:trace>
</inkml:ink>
</file>

<file path=ppt/ink/ink5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6:03.85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66 9199,'0'-4'384,"3"2"1,-2 1-410,3-2 0,1 0 52,1-4 0,-1 3 0,-1 0-66,1-1 0,-1 1 1,0 0-1,1-1 19,1 2 0,-2-2 1,0 2 0,-1-1-16,1 2 5,-3 0 31,2 2 1,-3 3 0,0 3-23,0 2 0,0 2 0,-2-2 0,-1 1-92,0 1 0,0-1 1,0 1-1,0-1-389,1-1 0,2-1 0,0 0-241,0-1 1,0-2 742,3-2 0,-3-1 0,3-1 0</inkml:trace>
  <inkml:trace contextRef="#ctx0" brushRef="#br0" timeOffset="703">202 40 8014,'0'-4'512,"0"2"0,0 4-286,0 3 0,0 0 0,0 3 0,0 0-80,0 0 1,-2 4 0,0-1 0,0 0-341,2 0 1,0 1 0,0-3 0,0 0 163,0 1 1,0-2 0,0-1-2148,0-1 2177,3-2 0,0-1 0,4-3 0</inkml:trace>
</inkml:ink>
</file>

<file path=ppt/ink/ink5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6:07.16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 27 6803,'-4'0'2787,"1"0"-2631,3 0 0,2-1-64,1-1 1,0 1-1,-1-1 1,1 1-66,1-2 1,2 3 0,-2-3-65,2 0 1,0 2 0,1-1 0,-1 1 54,1 1 1,-1 0 0,1-2 0,-1 0-137,1 0 0,-3 2 0,1 0-109,0 0 0,0 0 200,-1 3 0,1-2 0,-3 3 8,0 1 0,-4 1 0,-1 1 0,0-1-27,-2 1 0,-1-1 0,-1 2 1,0-1-5,-2 2 0,2 0 1,-1-3-1,0 1 25,2-1 0,-1 1 0,1 0 0,0 1 3,2 1 1,-1-1-1,2-1 1,0-1 39,0 1 0,1-3 1,2 0 76,0 2 1,0-1-1,1 1 100,1-2 0,1 1 1,4-2-104,-1-2 0,3 0 0,0-1 0,-1 0-72,-1 0 0,2 0 0,-1 0 0,0-1-344,-1-1 0,0 1 1,-1-2-1,1 1-591,-1 0 0,0-1 915,-2 1 0,2-2 0,-2-2 0</inkml:trace>
  <inkml:trace contextRef="#ctx0" brushRef="#br0" timeOffset="361">20 118 8409,'4'0'551,"0"0"0,-1 0-285,1 0 1,0 0-291,3 0 1,-1 0 0,1 0-48,-1 0 0,1 0 0,-1 0 0,2 0-788,0 0 1,-1 0 858,2 0 0,1-3 0,0-1 0</inkml:trace>
  <inkml:trace contextRef="#ctx0" brushRef="#br0" timeOffset="1151">189 254 8014,'-4'0'1168,"1"0"61,3 0-1245,3 0 0,-1-2 1,2-1-1,0 0-86,0-2 0,2-1 0,-2-1 0,2 2-30,0 0 1,0-1 0,-1 2-1,0-2 32,0 0 0,-2 2 1,1 1-1,-1 1 15,1 0 110,-2 0 0,0 3 0,-2 1-18,0 2 0,0 2 0,0 0 1,-2 2-64,0 0 1,-2-1 0,2 3-470,0-1 0,-1-2 0,1 2-630,1-2 1155,0 0 0,4-1 0,0 1 0</inkml:trace>
  <inkml:trace contextRef="#ctx0" brushRef="#br0" timeOffset="1478">390 235 8014,'0'6'98,"-2"1"0,-1 0 0,-2 1 0,2 1-50,1 2 0,0-3 0,-1 3 0,0 0-99,1-1 0,1-1 0,1-2 1,0-1-676,0 1 0,0-3 726,0 1 0,0-4 0,0 2 0</inkml:trace>
</inkml:ink>
</file>

<file path=ppt/ink/ink5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6:10.10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12 234 7960,'0'-3'879,"0"0"1,-1 3-642,-1 0 1,-2 0-176,-2 0 0,-1 0 0,1 2-72,-1 0 1,1 3-1,-1-1 1,1 0 6,-1 0 0,1 1 0,-1 1 0,1 1 43,2-1 0,-2 1 1,3-1-1,-2 0-13,1-2 1,2 4 0,0-1 0,1 0 50,1 0 0,-2 0 0,0-1 0,1 1 24,0-1 1,2 1 0,1-1-69,2 1 1,0-1 0,0-1-1,1-2-112,1 0 1,1 1-62,2-1 0,0 1 0,2-2 0,-2 0-496,-2-2 1,0-2 0,-1-1-1,1 0 634,-1 0 0,1-2 0,-1 2 0</inkml:trace>
  <inkml:trace contextRef="#ctx0" brushRef="#br0" timeOffset="594">177 351 9966,'6'-3'361,"1"1"0,-1 1 0,1 1-375,-1 0 0,-2 0 1,0 1-80,-1 1 0,0-2 1,-2 3 45,1 0 0,0 1 1,-4 2-12,-3 1 0,2-1 0,-2 2 1,0-1 11,0 2 0,-2 0 1,1-3-1,1 1 43,1-1 0,2 0 0,-2-1 0,1 0 4,2 0 1,-1 0-1,1 2-26,-1-1 0,0 0 0,4-1-161,0 0 0,3-4 1,-1 2-1,2-1-249,1 0 1,-1 0-1,1-2 1,1 0-368,1-3 1,0 1 801,-3-3 0,1-1 0,-1 3 0</inkml:trace>
  <inkml:trace contextRef="#ctx0" brushRef="#br0" timeOffset="1214">365 0 9496,'4'3'0,"-1"1"416,0 2 1,-1 4 0,3 0-1,-1 3-81,-1 3 0,2 0 1,-1 4-1,-1-1-116,-1 1 1,1 2 0,-1 1 0,0 1-52,-1 0 1,-2 0 0,-1 2-1,-3-1-458,0-1 0,-4 0 0,0-2 0,1-1-1247,1-1 1,-2 0 0,0-1 1536,-1-2 0,-1-1 0,-2-3 0</inkml:trace>
</inkml:ink>
</file>

<file path=ppt/ink/ink5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6:25.52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98 7408,'3'-3'158,"0"0"0,2 2-129,-1-1 0,-2 1 0,2-2-46,-1 1 0,-1 0 0,1-2 0,1-1 28,2 2 1,-2-3 0,0 2-1,1-2-35,1-1 0,0 1 0,-1 0 0,-1 1 13,1 1 1,1-1 0,1 0-11,-1 0 0,-1 0-18,-1 3 48,-3 0 0,2 5 1,-3 1-1,-2 2 12,0 0 0,-2 1 0,1-1 0,0 1-10,0-1 0,0 3 0,2 0 2,-2-1 0,1-1 1,2-1-871,0 1-97,0-1 954,3 1 0,-2-3 0,2-2 0</inkml:trace>
</inkml:ink>
</file>

<file path=ppt/ink/ink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32.83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1 18 7243,'-9'0'2332,"3"0"-2128,0 0 288,5 0-252,-3 0-170,4-4-130,0 3 0,4-3 0,0 3 60,1-2 0,3 2 1,-2-2-53,2 2 0,3 1 0,1 0 31,-1 0 1,-2 0 0,0 0-15,0 0 1,-3 1 0,-1 2-6,2 3 1,-3-1 0,-1 1 21,-2 1 0,-1 0 0,-1 2-13,-2 0 0,1 0 1,-4 0-1,0 2 7,-2 1 0,-1-1 1,0-2-1,1 1 1,-1 1 1,-3-1-1,1 3 1,0-2-21,1 1 0,1 1 0,1-3 0,-1 2 0,0-1 1,1 1 0,3 0 0,1-1 88,0-2 0,3-3 0,-2 0 3,2 1 1,2 0 149,2-2 0,2 2 1,4-4-1,2-1-51,1-1 0,-1-1 0,-1-1 0,1-1-144,0-1 1,5-3 0,-2 2 0,0 1-120,1-1 1,-5-2 0,2 3 0,-2 1-533,-2 1 0,1 1 647,0 0 0,0 0 0,-1 0 0</inkml:trace>
  <inkml:trace contextRef="#ctx0" brushRef="#br0" timeOffset="410">27 184 7877,'-6'0'810,"1"0"-331,3 0 1,-1 0-290,6 0 1,2 1 0,6 1-402,1 1 1,0 0 0,0-3 0,2 0-79,-1 0 1,4 0 0,-3 0-1,3-1-549,0-2 838,1-2 0,-1 0 0,1 1 0</inkml:trace>
</inkml:ink>
</file>

<file path=ppt/ink/ink6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6:27.58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293 7599,'1'-5'37,"0"0"1,2 1-1,0 0 337,0 1-370,2-2 0,-2-1 0,4-1 11,-1 1 1,0-1-1,-1 2 1,0 0-2,0 0 0,-2 4 11,2-1 30,-1 1 1,0 4 0,-2 2 0,-2 2-22,0 2 0,-2 0 1,-2-1-1,0 1-3,2-1 0,-1 0 0,1 0-125,1 0 0,0 1 0,1-3-177,0 1 0,3-3 0,2-2 271,3-2 0,-1 0 0,2 0 0</inkml:trace>
  <inkml:trace contextRef="#ctx0" brushRef="#br0" timeOffset="486">235 235 8613,'-4'1'392,"2"1"0,1 2-280,1 2 1,0 1 0,-2 1-1,0 2 21,1 0 1,-2 0 0,1 1 0,0-1-544,1 0 1,1-2 0,0-1 409,0-1 0,3 1 0,1-1 0</inkml:trace>
  <inkml:trace contextRef="#ctx0" brushRef="#br0" timeOffset="1374">541 7 7975,'-4'-3'179,"0"3"398,2-2-100,1 1-198,-4 1 1,1 0-232,-2 0 0,1 1 0,1 0 0,0 2-99,0 1 1,-2 0 0,2 2 0,-2 1 98,0-1 1,-1 1 0,1 0 0,-1 1-93,1 1 0,-1 2 1,1-2-1,-1 1 57,1 2 1,0-2-1,1 0 1,1 0-21,1 0 1,1-2 0,2 1 0,0-2 13,0-1 1,0 1-1,1-1 1,1 1-32,2-1 0,2-1 0,1-2 0,1 0-14,1-1 0,2-2 0,0 0 0,2 0-252,0-2 0,2-2 0,0-2 1,-1 1-899,0 1 1188,-1-1 0,0-1 0,0-1 0</inkml:trace>
  <inkml:trace contextRef="#ctx0" brushRef="#br0" timeOffset="1970">619 189 8423,'2'-3'-631,"0"0"788,2 3 1,-2 0 0,2 1 121,-1 1 1,1-1-480,-2 4 0,1-1 269,-3 2 0,0-1 0,-1-1-39,-1 1 0,-2 0 0,-2 0 0,0 0 12,1 0 0,0 0 0,1 0 0,0-1 10,-1 1 0,3-1 0,-1 0 0,-1 0-71,0 0 0,3 2 1,-1-2 8,1 2 1,1-2 0,0 1 0,1-1 1,1 0 1,-1 1 0,4-2 0,0-1-118,1 1 1,1-1-1,1-2 1,0 0-298,0 0 1,4 0 0,-1 0 421,1 0 0,3-5 0,1-3 0</inkml:trace>
  <inkml:trace contextRef="#ctx0" brushRef="#br0" timeOffset="2301">827 222 7440,'-4'6'361,"-1"1"1,2 0 0,0 2-338,0 2 1,-1-1 0,2 0-1,0-1-209,2-1 0,0 2 1,0-2-1,0 0 185,3-3 0,0 0 0,4-1 0</inkml:trace>
</inkml:ink>
</file>

<file path=ppt/ink/ink6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6:31.55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7 235 7926,'-4'-3'373,"1"2"0,6-2-315,1 3 0,2 0 1,1 0-15,-1 0 0,-1 0 0,-1 0 1,1 0-57,1 0 0,0 1 1,1 1 1,-1 0 0,-1 2 0,-2-1-73,0 1 0,1 0 0,-1 2 0,-2 1 1,0-1-1,-2 1 1,-1-1 27,-2-2 0,-2 4 0,-1-2 0,1 2 36,-1 2 1,1-3-1,-1 2 1,-1 0 28,-1 0 1,0 2 0,3-2 0,-1 0 34,1 1 0,1-2 0,2-1 0,0-1 39,1 1 1,2-1 0,0 1-10,0-1 0,0-1 0,0-2 0,3 0-1,1-1 0,2 1 0,2-1-22,1-1 1,0 0-1,-2-1 1,1 0-167,1 0 0,0 0 0,-1 0 0,1-1 68,-1-1 1,-1 1 45,-1-1 0,1 1 0,-1 1 0</inkml:trace>
  <inkml:trace contextRef="#ctx0" brushRef="#br0" timeOffset="286">7 384 8331,'-2'-4'857,"0"0"-412,0 2 0,2-1-422,3 3 1,0 0-1,4 0 1,0 0-133,2 0 0,-2 0 1,2 0-1,1 0-184,0 0 0,0 0 1,-1 0-1,0 0 293,0 0 0,2 3 0,-1 1 0</inkml:trace>
  <inkml:trace contextRef="#ctx0" brushRef="#br0" timeOffset="722">189 462 7983,'5'-2'140,"-1"0"1,0 0-1,3 2-98,-1 0 1,-1 0 0,-1 0-105,1 0 0,-1 0 1,-1 1 117,0 1 1,-1-1-1,-2 4-34,0 0 1,0 0-1,-3 0 1,0-1 4,-1 1 1,-2 1-1,2 0 1,-2 1 39,0-1 0,0 1 1,1-1-1,1 1-6,-1-1 0,1 1 0,0-1-36,1 1 1,1-3-1,2 1-53,0 0 0,3-2 1,1 1-98,2-1 0,1-1 1,0-2-1,1-1-1451,1-1 1576,2-2 0,-1-2 0,3-1 0</inkml:trace>
  <inkml:trace contextRef="#ctx0" brushRef="#br0" timeOffset="1522">410 7 8313,'-3'-3'-150,"0"3"603,3-3-171,0 3 1,3 2-1,0 2 1,2 1-160,-1 2 1,0 4 0,2 0 0,-1 1-23,0 1 0,-1 3 0,2 1 0,0 2-57,-2 0 0,2 4 1,-4 1-1,-1 1-45,0 1 1,-1 3-1,-2 1 1,-1 2-112,-4 0 0,-3 0 0,1-1 0,-1-3-428,1-2 1,-3 0 0,2 0 539,-3 0 0,0 0 0,0 0 0</inkml:trace>
</inkml:ink>
</file>

<file path=ppt/ink/ink6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6:56.93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45 9 7634,'0'-5'1644,"0"1"-1498,0 4 37,0 0-194,-4 0 0,2 0 17,-4 0 1,3 0 28,-3 0 0,0 0 14,-2 0 0,-1 0 1,0 0 0,1 0-36,-1 0 1,0 1-1,0 1 0,1 1 1,2 0-1,0-3 3,-1 0 0,2 3 1,-1 0-14,0-1 1,1 2-1,-1-1 3,-1 2 0,2-2 1,-1 2-1,1 0-78,0 0 1,-3 0 0,3 1-1,-1-1 14,1-1 1,0 3-1,-2-1 39,1 2 0,1 0 0,-1 1 0,2 0-15,1 0 0,2-1 0,-3 1 63,0 0 1,3-3 0,-2-1 12,2 2 1,1 1 0,0 1-24,0-1 0,3 1 0,1-1-6,1-2 0,-2 1 1,1-4-1,1 1 1,0 0 0,1 3 0,3-2-14,-1 0 1,4-1 0,0-4-1,-1 0-12,2 0 0,0-1 0,3-1 0,0-2-55,-1-1 0,4 3 0,-5-2 1,2 1-352,-2 0 0,2 0 0,-5 3 1,0 0 416,-1 0 0,3 0 0,0 0 0</inkml:trace>
  <inkml:trace contextRef="#ctx0" brushRef="#br0" timeOffset="1455">603 79 9299,'-5'0'-8,"1"0"-52,4 0-66,0 0 152,4 0 1,-2 0-8,4 0 1,0 0-1,2 0 1,1 0-30,0 0 0,0 3 0,-1 0-11,1-1 1,0-1 0,0-1 0,-1 0-16,1 0 1,1 0 0,0 0 0,2 0-27,-1 0 0,-2 0 0,0 0 0,0 0-170,0 0 0,-1 0 1,1 0-278,0 0 1,-3 0-501,0 0 1009,-5 0 0,3 3 0,-4 2 0</inkml:trace>
</inkml:ink>
</file>

<file path=ppt/ink/ink6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6:59.36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84 9 7891,'0'-5'1213,"0"1"-1114,-4 4 0,-1 0-82,-4 0 1,1 3 0,-1 1-112,0 1 0,0-2 1,1 2 66,-1-1 0,0 0 1,0-2-1,1 0-35,-1 0 1,0 2 0,1 0-1,-1 0-5,0 0 1,1 0 0,2-2 10,0 1 91,0 4 0,0-6 40,0 5 1,4-3 30,-1 3 0,2-3 1,2 2-48,2-1 1,-1 1 0,3-1-81,-1 1 0,3-2 1,-1 2-26,1-1 0,2 2 0,0-3 0,0-1-88,-1-1 0,2 1 0,1 1 0,0 0-226,0 1 1,-1-3 0,-2 3-1,1-1-301,0 0 661,0 0 0,-1 1 0,1 0 0</inkml:trace>
  <inkml:trace contextRef="#ctx0" brushRef="#br0" timeOffset="1851">376 219 6117,'0'-6'1132,"0"0"-569,0 4-281,0-2-5,0 4-236,0 0 1,0 4-46,0 2 1,0 2-1,0 1 1,0-1-3,0 1 0,0 3 1,-1 0-1,-1 1-65,-1 0 1,-3 1-1,4-2 1,0-1-22,1-2 1,1 0 0,0 0-263,0-1 327,0 1 0,0-3 157,0 0 1,0-5-91,0-1 1,0-4-1,0-5-41,0 0 0,0 0 0,0-2 6,0-1 1,0 1-1,0 2-14,0 0 0,0-2 1,0-1 14,0 1 1,3 5 0,-1 0 0,0-1 11,-1-1 0,2 2 0,0 0 1,0 1 39,1 0 1,-2-3 44,4 2 1,-3-2-45,2 0 1,-2 3-56,3 2 0,-3 2 14,3 1 1,-3 0 0,2 1-2,-1 2 1,-1-1 0,-3 4 0,1 0-13,1 2 0,-1-2 1,2 0 10,-2 1 0,-1-3 1,0 2 77,0 1 1,0-2-13,0 1 1,-1-4 0,-1 2 0,-2-1-46,0-1 1,1 2 0,-3-2-31,-1 1 1,2 0 0,-1-2-12,0 2 0,1-2 0,-1 2 1,4 2 78,-1 1 0,2-2 1,1 2 10,0 1 0,0-2 1,1 0-1,1 0-36,1-1 1,3-1-1,-2 2 1,0 0-65,3 0 1,-2 0 0,1 1 0,0-3-251,-1 1 0,2 0 1,-1 3-304,2-1 1,1-3 0,-1 2 566,1-2 0,0 4 0,0-2 0</inkml:trace>
</inkml:ink>
</file>

<file path=ppt/ink/ink6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7:25.54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2 27 8247,'0'-6'248,"0"0"-157,0 4 59,0-2 1,0 3 56,0-2-114,0 2 0,0-3-31,-3 4 1,1 0 24,-4 0 1,3 0 39,-3 0 1,3 0-1,-3 0-24,0 0 1,1 0 0,-1 0-3,-1 0 1,-1 3-1,0 1-13,-1 1 0,1-2 0,1 2 1,1 0-56,0 0 1,-2-1 0,-1 3 0,0-1 5,1 1 0,0 1 1,1-1-1,1 0-28,0-1 1,-2 0 0,-1 3 0,1-1-43,2 1 0,-1 0 0,1 0 1,-1-1 7,1 1 0,-2 2 0,4-1 0,-2 0-20,0 1 0,4-1 0,-2-1 1,1 0 35,0 0 1,0-1-1,3 1 1,0 0 47,0 0 0,0 3 0,0 2-9,0-1 0,0 0 0,0-4 0,1-1-21,2-3 0,-1 3 0,3-2 0,0 2-13,0 0 1,0-2 0,1 0 0,0 0-3,1-1 0,1 2 0,1-4 0,-1-2-38,1 0 1,0 2 0,0 0-1,2-1-32,1-1 0,0-1 1,-1 0-1,2 0-506,0 0 0,-1 0 0,3 0 580,0 0 0,2-4 0,0-1 0</inkml:trace>
  <inkml:trace contextRef="#ctx0" brushRef="#br0" timeOffset="1252">551 44 8147,'0'-6'-1654,"0"1"2144,0 3-45,0-2-128,0 0 0,0 2 293,0-4-383,0 4 0,0-3 206,0 2-232,0 2-295,0-3 139,0 4 454,0 0-202,-4 0 0,-1 0-186,-4 0 0,4 3 1,-1 0-72,-1-1 1,0 0 0,0 0 0,2 2-22,2 1 0,-4-3 0,2 2 1,-1-1-18,0 0 0,3 2 1,-1-1-1,-1 1-19,0 2 0,2-2 1,-3 1 32,-1 0 1,2 2-1,1 1-3,0 0 0,0-2 0,2 0 0,-1-1-34,1 1 0,1 1 0,1 0 12,0 1 1,0 0 0,0 0 1,0-1 1,4 1-1,1 0 1,0-1 0,2 0 0,-2-1 1,1-1-48,0 1 1,0-1 0,2 1 0,1-1-29,0 1 0,0-2 0,-2 1 0,0-1 19,-1 0 1,0 3 0,3-2 7,-1 2 1,-2-1-1,-1 0 1,0-1 123,0 1 1,-3-2 0,1 0 195,-2 2 0,-1-2-145,0 1 0,0 0 0,-1 2-82,-2-3 0,1 2 0,-4-3 0,-2 0-24,-3 0 0,2 2 0,-4-3 0,2-2-104,-1 0 1,-3-1-1,3 0 1,-1 0-143,0 0 1,1 0-1,1-1 1,-1 0-301,2-2 1,0-4-1,1 2-341,1 0 872,3-3 0,-3 7 0,3-3 0</inkml:trace>
  <inkml:trace contextRef="#ctx0" brushRef="#br0" timeOffset="2232">682 324 8296,'-6'1'260,"0"2"1,4-1-132,-1 3 0,2 1 0,1 4 0,0 2 1,-1 2-183,-1 3 0,1 0 0,-2 1 0,2 0 155,1 2 1,0-1 0,0 1 0,0-1-116,0-2 1,0 0-1,0-3 1,0-2 51,0-2 1,0-2-148,0 1 1,0-3 122,0 0 1,0-8 0,0-1-79,0-4 0,-1-5 0,-1 0 0,-1-1-32,1 1 1,1-4 0,1 2-1,-1-3-89,-2 0 0,2-1 1,-2 0-1,2-2 10,1 0 0,3-1 0,1 4 0,0 0 100,0 3 1,3-2 0,-2 5 0,2 0 330,-1 1 0,2 4 0,-1 1-132,3-2 0,3 3 0,1 1 0,-2 2 84,-2 1 0,-1 0 0,-1 1-107,1 2 0,-1 2 0,-2 4 0,-3-1-65,-2 1 1,-1 0 0,0 0-1,-1-1 16,-2 1 0,-1 0 0,-3-1 0,1 0-86,-1-2 1,0 1 0,-2-3 0,0 0-75,0 0 0,1-2 0,-1-2 0,1-1 25,2-1 1,-1-2 0,2-4 0,-1 0-278,0-2 1,4-3 0,-1 1 0,2 1-36,1 2 1,0 0 0,0 0 112,0 1 0,4 3 281,2 2 0,2 6 0,0 2 0</inkml:trace>
  <inkml:trace contextRef="#ctx0" brushRef="#br0" timeOffset="2778">1005 271 8355,'-9'0'281,"1"0"1,2-3-1,0 1 1,-1 0 0,2 1 0,0 2-168,-2 2 1,0-2 0,0 5 0,1 1 69,0 1 0,-2 1 0,-1 0 0,1 2-105,3 1 1,0-1 0,3-2 0,-1 0-203,1-1 1,1 1 0,1 0 96,0 0 0,4-4 0,2-3-76,1-1 0,2-1 1,0-1-1,0-1-21,-1-4 0,1-2 0,0-1 0,0 1-385,-1 3 0,1-3 0,0 2 342,-1-2 1,-2 0-1,-1 2 120,-1 0 176,-1 4 1,-3-1 0,0 6 0,0 3 136,0 2 0,-1-3 0,-1 1 0,-1 1 172,1 1 1,1 0-1,2 1-831,2 0 1,-1-4 0,4-1-1314,1 0 1705,4-3 0,-1 2 0,3-3 0</inkml:trace>
  <inkml:trace contextRef="#ctx0" brushRef="#br0" timeOffset="3182">1232 263 6065,'-5'0'1031,"-1"0"0,0 0-738,-3 0 1,3 0 0,1 1-138,-2 2 1,-1 0 0,-1 4 0,0-1 43,1 1 0,2-2 0,0 0 0,0 2-43,1 1 0,-1 1 1,3 0-29,1-1 0,1 1 1,1 0-189,0-1 1,4 0 0,2-2-91,1-3 0,6-2 0,0-1 0,2 0-256,0 0 1,-1-4 0,4-1-1,-2-1-873,-1 1 1278,5-1 0,-5-3 0,6 0 0</inkml:trace>
  <inkml:trace contextRef="#ctx0" brushRef="#br0" timeOffset="3731">1425 289 8975,'5'-5'1032,"0"1"-776,-1 0 0,3 2 1,-1-3-139,2 2 0,-4-1 0,0 2-160,0-1 1,-2-3 0,3 2 35,-1-1 1,-1 2-117,-3-3 0,-1 5 0,-2-2 74,-3 2 0,1 1 0,-1 0 1,0 0 51,-2 0 1,-1 0 0,0 0 0,1 1 31,-1 2 1,0 0 0,0 4 0,2-1 114,1 1 0,-2 1 1,2 1-1,-1 2 169,2 1 0,-3 2 0,3-1 1,0-1 82,2 1 0,2 2 0,1-4 0,1 0-161,2-1 0,2-3 1,5 0-1,2-2-304,6-1 1,0-2 0,7-5 0,1-4-755,2-3 1,9-8 815,1-5 0,3-6 0,3-2 0</inkml:trace>
</inkml:ink>
</file>

<file path=ppt/ink/ink6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14.41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36 7799,'0'-5'414,"0"0"-46,0 2 25,0 2-53,0-3-303,0 1-92,0 2 0,0-4-95,0 2 60,0 2 130,0-3 122,0 4 91,0 0-212,0 4 1,0-2-1,0 4 1,0 0-8,0 2 1,0 1-1,0 0 1,0-1 6,0 1 0,0 3 0,0 0 0,0 2-36,0 2 0,0-4 1,0 1-1,1-2-36,2 1 1,-2 0 0,4-4 0,0 1 26,0 0 1,-2 0-1,3-1-14,1 1 0,-1-3 0,1-1 19,-1-1 0,0-1 0,3-3 0,-1-1 8,1-2 0,-3-1 0,0-4 0,0 1-16,2 0 0,0-5 0,-1 3 1,-1-1-32,0 1 0,-2 0 1,0 1-1,-1 1 33,0 2 0,1 0 3,-1-1 38,-2 2 1,3 5-19,-4 2 1,0 2 0,0 3 0,0 1-7,0 0 1,0 0-1,0-1 1,0 1-17,0 0 1,1-3 0,1 0 0,1 0-20,2 2 1,-2-3-1,2-1 1,0-1 89,0 0 1,1 0 0,2-3 34,1 0 0,-3-1 1,0-2-1,0-3-29,-2-2 0,4-1 0,-2 0 0,1-2-46,-1-1 0,1-2 0,-2 1 0,1 1-278,0-1 0,-3-2 0,2 3 0,-1-1-54,-3 1 0,0 0 0,-1 3 305,0 0 0,4 1 0,1-1 0</inkml:trace>
  <inkml:trace contextRef="#ctx0" brushRef="#br0" timeOffset="738">507 97 7952,'-4'0'0,"0"0"268,4 0 0,-1 0 737,-2 0-631,2 0-268,-3 0 1,5 0-21,2 0 0,-1 0-81,4 0 0,-1 0 0,4 0 0,0 0 63,0 0 1,-1 0-1,1 0 1,0 0-139,0 0 1,2-3-1,2 0 1,-1 1-29,1 1 1,2-2 0,-4 1 0,0 0-310,-1 1 1,1 1-1,1 0 1,-1 0-682,-2 0 1088,0 0 0,0 0 0,0 0 0</inkml:trace>
  <inkml:trace contextRef="#ctx0" brushRef="#br0" timeOffset="1632">516 27 9733,'-6'0'557,"1"0"0,2 0-512,-3 0 1,0 3 0,-3 1-78,0 1 0,4-2 1,0 3-1,0-1 12,0 0 1,-1 3-77,-2-2 1,2-1 53,0 0 1,3 0 26,-3 1 0,4-1 14,-1-2 0,2-1 3,1 4 1,0-3-3,0 2 1,1-2 38,2 3 1,2-1 0,4 2-34,0-1 0,-1-4 0,1 1 0,0-3-53,-1 0 0,2 0 1,1 1-1,1 1-221,-2 1 0,4 0 0,-1-3 0,1 0-250,-2 0 1,0 0-1,1 0 1,-1 1 517,1 2 0,-1-2 0,-4 3 0</inkml:trace>
</inkml:ink>
</file>

<file path=ppt/ink/ink6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18.48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7 254 8713,'-5'0'947,"0"0"-703,2 0 1,1 0-122,-4 0 1,3 0 0,-2 1 0,1 1 0,-1 1 1,2 0 0,-2-2 0,0 1-77,0 1 0,-1 4 0,-2-2-127,-1 3 0,3 1 0,0 0 1,0-1 103,-2 1 1,-1 1 0,1 0-1,1 2-154,2-1 1,0 2 0,-2 1-1,2 0 77,1-3 0,-2 3 0,4-1 1,0 2 29,1 0 1,1-5 0,0 3-1,1-2-43,2 1 0,1 0 1,5-4-31,0 1 1,1-4 0,0-2 0,2-1-244,-1 1 1,2-2 0,2 2 0,0-3 337,0-3 0,5-2 0,-1-4 0</inkml:trace>
  <inkml:trace contextRef="#ctx0" brushRef="#br0" timeOffset="710">333 446 6831,'-6'0'775,"0"0"1,3 0-462,-3 0 1,3 0-153,-2 0 1,0 1-77,-1 2 0,-1 2 0,4 4 8,1 0 1,0-4 0,0 1-1,-1 1-55,1 1 0,2-2 0,0-1-30,3 2 1,1 1 0,3 0 0,-1-2 54,1-3 1,0 0 0,2 0-166,0-1 1,0 2 0,-1-1-53,1-1 1,0-2 0,-1-3 0,-2-2 5,0 0 0,-3-2 0,2 1 0,0-2 63,0-1 0,-3 1 1,1-2-1,-2-1-23,-1 0 0,0-1 1,-1 3-263,-2 0 1,-3 2 180,-6 1 0,3 2 0,-3 4 0,2 0 20,1 0 1,4 1 0,0 2 167,1 3 0,1 1 0,3 2 0,0 4 0,0 0 0</inkml:trace>
  <inkml:trace contextRef="#ctx0" brushRef="#br0" timeOffset="1468">516 429 7793,'-1'6'447,"-1"0"0,-1 0-222,1 2 1,0 0 0,1-1 0,-2-2-26,1 2 1,1 1 0,1 1-99,0 0 1,0-1 2,0 1 0,1-4-69,2-2 0,1-2 0,5-2-165,0-2 1,-3 1-1,0-4 1,0 0-25,2 1 1,-2-1 0,0 2 0,0-1-18,-2-2 1,4 3-1,-3 0 51,0 0 0,0 3 224,-2-1 0,-2 4 0,2 4 0,-2 2 52,-1 1 1,0 0 0,0-1-1,0 1-46,0 0 1,0-3 0,0-1 0,1 1 69,1-1 1,0 0-37,4-2 1,-3-2 0,3 1-102,1-4 0,0 0 0,-1-3 0,0 0-179,1 0 0,-2-1 0,1-1 0,0 0-83,2 1 0,-2 0 1,0-2 100,1-1 0,0 0 89,2 0 0,-1 4 486,-2-1-219,-2 4 0,-4 2 0,0 6-66,0 1 1,0 2 0,0 0-1,0 0-119,0-1 0,0 1 0,0 0 24,0-1 1,0 1 0,1-1-897,1-2 1,0 1 66,4-4 1,0-1 0,3-2 750,0 0 0,-1-3 0,1-2 0</inkml:trace>
  <inkml:trace contextRef="#ctx0" brushRef="#br0" timeOffset="2240">909 481 7876,'0'-5'35,"0"1"515,0 1 1,-1 2-180,-2-2 0,3 3-242,-3 3 1,1-1 0,0 3 0,-1 2-68,1 1 1,0 4-1,0-1 1,-1 0-76,1-1 0,1-2 0,1 1 0,0 0-18,0 0 0,0-3 0,1-2 56,2 0 1,-1-1-1,4-3-23,1 0 1,0-1-1,2-2-196,0-3 0,-1-1 0,-2-2 0,0 0 40,1 0 1,1 1-1,0-1 1,-2 0 80,0 1 1,-1 2 0,2 1 0,-2 0-273,-1 0 464,2 3 1,-5-1-1,2 6 104,-2 3 1,-1 2-1,0 1 1,0-1-147,0 1 0,0 0 0,0-1 0,1 1 38,2 0 0,-2-3 0,2 0-4,-2 0 1,3-2-195,2-1 1,1-3 0,2-2-40,0-1 1,0-5 0,-1 0-1,1-1 29,0-2 1,0 1-1,-1 1 1,1 1-1,0 2 1,0-1 0,-1 2 0,0-1 92,-2 0-11,2 4 0,-7-1 1,2 6 380,-2 3 0,-1 2 0,0 2 0,0 0-119,0 2 1,-3-1-1,0-2 1,1 0-402,1 0 1,1-1-448,0 1 0,1-4 1,2-2 35,2-2 1,3-4 0,1-1 560,0-1 0,-1-4 0,1-5 0</inkml:trace>
  <inkml:trace contextRef="#ctx0" brushRef="#br0" timeOffset="2416">1320 481 8245,'0'9'712,"0"0"0,0-3 1,-1-1-1,-1 2-286,-1 1 1,0 4 0,3-1-876,0 0 1,0-4-227,0-1 0,1-5 675,2-1 0,2-8 0,4-6 0</inkml:trace>
  <inkml:trace contextRef="#ctx0" brushRef="#br0" timeOffset="2794">1329 158 8206,'0'-6'458,"0"0"1,0 1-1,1-3 118,2 2 0,-2 1 1,3 3-506,-1-1-33,-2 0 1,3 7 0,-4 2-1,0 2-113,0 1 1,-1-1 0,-1 1 0,-2 0-226,0 0 1,1-1-1,-2 1-153,1 0 0,-2-3 320,3-1 0,-3-4 0,3-1 76,2-5 0,0-5 0,1-2 0,1 1 40,1-2 0,-1 2 0,3-2 0,-1 0 95,0 2 1,3 2 0,-2 0-100,1 0 1,-2 4 71,2 2 0,-3 3 0,1 3-214,-2 3 0,-2 2 0,-1 2 163,-1 1 0,-3-1 0,1 3 0</inkml:trace>
  <inkml:trace contextRef="#ctx0" brushRef="#br0" timeOffset="3826">1608 106 7808,'-1'-9'1385,"-1"0"-366,1 4-905,-3 1 0,4 8 0,0 2 0,-1 3-28,-2 2 1,2 4 0,-2 5 0,1 5-78,-1 3 0,2 2 0,-3 3 0,1-1-10,0 1 0,-2-3 1,2-1-1,1-3-145,1-2 0,1-3 1,0-3-1,0-2-21,0-1 0,0-3 0,1-3-57,2 0-54,-2-1 246,2-3 1,-3-2 49,0-6 0,-2-2 0,-2-3 1,0-1 29,0 0 1,-3-2 0,2-1 0,-1 1 13,1 2 0,2 0 1,-2 0 144,1 0 1,-2 1 117,3-1-239,0 4 0,4 1 0,2 4-46,3 0 1,2 0 0,0 1-1,1 1-234,0 1 0,3 0 1,0-3-1,1 0-400,-1 0 0,3 0 1,-2 0 593,0 0 0,2-4 0,2-1 0</inkml:trace>
  <inkml:trace contextRef="#ctx0" brushRef="#br0" timeOffset="5041">2080 44 9855,'-6'0'636,"1"0"1,2 1-527,-3 2 1,1-1 0,-2 3-100,1-1 1,2 3-1,-3-1 1,1 0 29,-1 0 0,0 2 0,1-1 1,0 3 8,-1 1 0,-1 4 0,-1-3 0,1 2-9,-1 1 0,1 2 0,1 1 0,2 2 36,-2 0 1,2 4 0,0-3-1,0 0-27,0 1 1,3 2-1,-1-1 1,2 1-73,1 0 0,0-3 1,1-3-1,2-2-241,3-1 1,1 0-1,0-2 1,-1-1-463,0 1 1,5-2 0,1-4 724,-2-2 0,0 1 0,-1 3 0</inkml:trace>
  <inkml:trace contextRef="#ctx0" brushRef="#br0" timeOffset="5763">2255 342 7922,'-6'0'733,"0"0"-378,0 0 1,1 0-1,0 0-302,1 3 1,-3 1-1,2 3-20,0-1 1,-1-3 0,2 3 17,-1 0 1,3-1-1,-1 1 7,2 1 0,1-2 1,0 1-58,0 0 0,1 2 0,1 1-83,1 0 1,3-4 0,-2 1 0,0 0 73,3-1 1,-2 3 0,0-2-27,-1 1 1,0-1 0,-2 0 60,1 1 1,0 1 0,-4 0-54,-2 1 1,1 0 0,-4-1 0,-1-2-38,-1 0 0,2-3 1,1 2-1,-2-1-83,-1-2 0,-1-1-146,1-1 1,-1-3 0,1-1-1,2-1-235,3-2 0,-1-1 0,2 0 527,0-1 0,1 0 0,1 1 0</inkml:trace>
  <inkml:trace contextRef="#ctx0" brushRef="#br0" timeOffset="6257">2430 79 7896,'0'18'286,"-1"0"0,-2 2-159,-3 0 0,-2 7 0,0 0 0,-1 3 92,0 0 0,1-1 0,2-3 0,1-1 21,1-1 1,-2 0-1,3-4 1,1-1-80,1-4 1,1-2 0,0-4 0,0-1-17,0 1 0,1-3 0,2-1-142,3-1 1,2-1-1,0-3 1,1 0-72,0 0 1,0-1 0,-1-2 0,1-3-178,0-2 1,-1-1 0,1 1 0,0-1-162,0 0 1,-2 3 0,0 1 0,-1 1-2241,1-1 2646,-3 3 0,0-2 0,-4 4 0</inkml:trace>
  <inkml:trace contextRef="#ctx0" brushRef="#br0" timeOffset="6463">2430 490 7983,'0'9'639,"0"-3"1,1-1-396,2 2 0,-2-2 0,2 0 0,1-1-202,2-2 0,-1 0 1,1 0-683,1 1 1,0-1 639,2-2 0,0 0 0,0 0 0</inkml:trace>
  <inkml:trace contextRef="#ctx0" brushRef="#br0" timeOffset="7008">2683 1 7921,'9'8'1107,"-3"1"1,0 0-712,0 0 0,-1 3 0,1 3 1,0 2-50,-1 4 1,-1 1 0,-4 5 0,0 2-177,0 3 0,-1 2 0,-2 0 0,-3-1-363,-2-1 0,-1-1 1,1 0-1,-1-3-20,0 0 1,0-4 0,1-2-1,-1-3 212,0-2 0,0 7 0,1-6 0</inkml:trace>
</inkml:ink>
</file>

<file path=ppt/ink/ink6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32.83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71 18 7243,'-9'0'2332,"3"0"-2128,0 0 288,5 0-252,-3 0-170,4-4-130,0 3 0,4-3 0,0 3 60,1-2 0,3 2 1,-2-2-53,2 2 0,3 1 0,1 0 31,-1 0 1,-2 0 0,0 0-15,0 0 1,-3 1 0,-1 2-6,2 3 1,-3-1 0,-1 1 21,-2 1 0,-1 0 0,-1 2-13,-2 0 0,1 0 1,-4 0-1,0 2 7,-2 1 0,-1-1 1,0-2-1,1 1 1,-1 1 1,-3-1-1,1 3 1,0-2-21,1 1 0,1 1 0,1-3 0,-1 2 0,0-1 1,1 1 0,3 0 0,1-1 88,0-2 0,3-3 0,-2 0 3,2 1 1,2 0 149,2-2 0,2 2 1,4-4-1,2-1-51,1-1 0,-1-1 0,-1-1 0,1-1-144,0-1 1,5-3 0,-2 2 0,0 1-120,1-1 1,-5-2 0,2 3 0,-2 1-533,-2 1 0,1 1 647,0 0 0,0 0 0,-1 0 0</inkml:trace>
  <inkml:trace contextRef="#ctx0" brushRef="#br0" timeOffset="410">27 184 7877,'-6'0'810,"1"0"-331,3 0 1,-1 0-290,6 0 1,2 1 0,6 1-402,1 1 1,0 0 0,0-3 0,2 0-79,-1 0 1,4 0 0,-3 0-1,3-1-549,0-2 838,1-2 0,-1 0 0,1 1 0</inkml:trace>
</inkml:ink>
</file>

<file path=ppt/ink/ink6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34.73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54 80 7608,'-6'3'-1473,"0"-1"1430,1 1 1,-1-3 6,0 0 18,0 0-69,-3 0 20,5 0 1,-1 0 46,2 0 2,2 0 32,-3-4 67,0 3-35,3-2 0,-4 3 335,2 0 196,2 0-235,-6 0 1,5 0 181,-4 0-282,4 0 1,-5 1 183,4 1-83,0-1 25,-1 3-158,3-4-488,-2 0 266,3 0 1,1 0 58,1 0 0,0 0 0,4 0-33,1 0 0,-2 0 0,1 0-62,0 0 0,2 0 0,1 0 0,0 0-71,-1 0 0,1 0 0,0 0 0,0-1-106,-1-2 1,1 2 0,0-1 0,0 1-82,-1 1 0,1 0 0,0-1 0,0-1 306,-1-1 0,5 0 0,1 3 0</inkml:trace>
  <inkml:trace contextRef="#ctx0" brushRef="#br0" timeOffset="952">175 1 8238,'-4'0'984,"-1"3"-857,2 0 1,2 1 0,-3-2-131,0 1 1,2-1 0,-4-1 64,0 2 1,1-2 0,-1 3-7,-1 0 0,-1-2 1,0 3-1,-1 0 26,0 0 0,1-3 0,1 4-65,-2 1 0,2 1 0,-5 1 0,3-2-74,0-1 0,4 2 0,1-3 0,1 1-23,0-1 1,0-2 0,1 3 58,-1 1 0,0-2 0,4 0 2,2-1 1,-1 1 0,3-2 0,2 0 4,1 1 1,1-3-1,-1 3 1,1-1-49,0 0 1,1 0-1,0-2 1,2 1-201,-1 1 1,1-1-1,0-1 1,-1 1 28,-2 1 0,3 0 1,0-2-1,-2 1 233,0 1 0,3 4 0,0-2 0</inkml:trace>
</inkml:ink>
</file>

<file path=ppt/ink/ink6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38.0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6 35 9312,'-5'4'117,"3"2"0,1 2 1,1 3-30,0 1 1,0 3-1,-1 1 1,-1 2-19,-1 3 1,-3 5 0,2-1 0,0 1-98,0 3 1,-2-1 0,3-3 0,-1-2 5,0-2 0,1-1 1,2-2-1,-1-2-157,-1-2 1,0-3 0,3-2-59,0 0 0,0-1-59,0 1-196,0-4 330,0-1 0,0-14 160,0-1 0,-1-4 0,-1 4 0,-1-1 21,1-2 1,0 0-1,0-4 1,0 1-16,0-1 1,-2 0 0,1-2 0,1 0 24,1 0 0,-2-1 0,0 1 0,1 0 37,1 2 1,1 1 0,0 2 0,0 1 20,0 2 1,3 0 0,0 2 0,0 0 82,1-2 0,0 0 1,2 4-1,0 0 8,1 2 1,1-2 0,1 2 0,0 0-122,3 0 1,-1-1 0,2 4 0,1 1-115,-1 1 0,-1 1 1,2 0-1,-2 1 74,-1 2 0,-1-1 0,-2 4 1,1 1-97,0 0 1,-4 2 0,-2 0 0,-2 0 161,-1-1 1,0 5 0,-1 1 0,-2 3-81,-3 0 0,-2 1 0,-1-1 0,0 1-77,-3-1 1,2 3 0,-2-2-1,0-1 73,0-1 1,1 0 0,2-1 0,0-1-72,1-2 0,-1 3 0,1-2 0,1-1 142,1 1 1,4 1 0,0-2 0,1-1-51,1-1 0,0-2 1,0 1-1,1-1 24,1-2 1,2 1-1,3-2 1,-1 1-25,1 0 1,1-4 0,1 1 0,2-2-286,1-1 0,-1 3 0,-1-1 0,1 0-383,0-1 1,1-1 646,-3 0 0,3 0 0,2 0 0</inkml:trace>
  <inkml:trace contextRef="#ctx0" brushRef="#br0" timeOffset="554">323 420 8700,'9'-3'216,"0"-1"-219,0-1 1,-4 2 0,1-3-119,1-1 0,-3 2 0,0 1 5,0 0 175,-3-3 0,2 6 1,-6-2-47,-3 2 0,-2 1 361,-1 0-266,1 0 1,-1 1 0,0 2 0,0 2-59,1 0 0,0 2 1,1-1-1,1 2-18,0 1 1,1-1-1,0-2 1,1 0 9,2 1 0,1 1 0,1 0 0,0 1-43,0 0 1,0 0-1,1-1-139,2 1 0,2-3 0,4-1 0,-1-1-61,1-2 0,1-1 0,0-1 1,3 0-530,1 0 730,-4-4 0,7-1 0,-4-4 0</inkml:trace>
  <inkml:trace contextRef="#ctx0" brushRef="#br0" timeOffset="996">551 323 7229,'-8'1'-118,"2"2"0,-1-1 1,3 3-1,0 0 827,1 0 0,-3 1 0,2 1-472,-1-1 0,3 2-8,-1-2 1,2 2-341,1 0 1,4 0 0,2-1-1,2-1 0,0-4 0,0 2 0,-1-2 69,-1 1 0,0 1 0,2-2 0,1 1 30,0-1 1,-3-1-1,0 0 70,0 2 0,-1-1 0,0 4 12,-1 0 1,-1-1 0,-4 1-1,-2 0-95,-3-1 0,1 3 0,-2-4 1,-1 2 36,-3 0 0,-1-3 1,4 2-1,-1-1-139,0-2 1,-2-1 0,-1-1 0,1 0-177,1 0 1,5-3 0,-1-1-1,0-1-103,1-2 1,-2-1 0,4 0 405,1-1 0,2 0 0,3 0 0,2 1 0</inkml:trace>
  <inkml:trace contextRef="#ctx0" brushRef="#br0" timeOffset="1993">725 393 8579,'0'9'144,"0"0"1,0 0-1,0 3 1,0 3-23,0 1 1,0 5 0,0 1 0,0 2-128,0 3 1,-3 2 0,0-3 0,-1 0-101,0 0 1,1-4 0,3-1-1,-1-4 75,-2-2 1,2-2 0,-2-5-239,2 1 81,1 0 0,-1-5 0,-1-5 123,-1-7 1,0-4-1,3-4 1,0-1 111,0-1 1,0-6 0,0 0 0,0-3-47,0-2 0,0-3 1,0 3-1,0 1 15,0 0 0,3 5 1,1 2-1,0 1 50,0 4 0,3 4 1,-1 1-1,0 1 104,0 1 0,2 4 0,-1 1 0,3 1-79,1 1 1,1-1-1,-3 4 1,-1 1 36,1 0 0,0 5 0,0-1-65,-1 2 1,0 3-1,-2 1 1,-3-1 64,-2-1 0,-1-2 1,0 1-1,-1 0-97,-2-1 1,1 0 0,-4-1 0,-1-2-272,0-1 0,-2-1 0,0-3 23,0 0 1,1 0 0,-1-1-1,0-2-60,0-3 0,1-2 1,-1-2-1,1 0-130,2-2 1,-1 1-1,5 2 146,0 0 1,1 3 0,2 1 259,2 1 0,5 2 0,6 2 0</inkml:trace>
  <inkml:trace contextRef="#ctx0" brushRef="#br0" timeOffset="2463">979 376 8782,'-8'4'782,"2"2"-646,3 1 1,-1 2 0,1 0 0,2 0-72,0-1 0,1 1 1,0 0-1,0-1-6,0 1 0,2 0 0,2-1 0,1-2-224,2 0 0,-2-3 0,1 2 0,1-1-90,0-2 0,2-1 0,0-2 107,-1-2 0,0-2 0,-1-4 0,-1 1 71,1-1 1,-3-1 0,-1 0 0,0-2-5,0 1 0,0 2 0,-3-1 0,-1 0-22,-2 1 0,1-3 0,-3 5 1,-2 1-50,-1 1 0,-1-1 1,0 4-1,1 0 38,-1 1 0,0 4 0,2 3 1,0 2-26,1 1 0,4 0 0,-1-1 0,2 1 139,1 0 0,0 0 0,0-1 0,0 1 0</inkml:trace>
  <inkml:trace contextRef="#ctx0" brushRef="#br0" timeOffset="2886">1154 323 7891,'-3'9'48,"0"0"0,-1 3 0,2 0 0,-1 1 181,1-1 1,1 4 0,1-2-1,0 0 13,0 1 0,0-5 1,0 2-1,1-2-97,2-2 0,2 0 1,4-1-98,-1-1 0,1-4 0,0 1 1,0-3-276,-1-3 1,1-2 0,0-4 0,-1 0-29,1 1 1,0-1-1,0 0 1,-1 0 178,1 1 0,0 2 1,-1 0-1,-2 0 84,0 1 0,-3 2 47,3 3 1,-4 0 0,1 3 237,-2 3 0,-1 5 1,0 1-1,0-2-213,0 0 1,0-1 0,0-1-306,0 1 0,0 0-715,0 0 940,4-5 0,1-4 0,3-4 0</inkml:trace>
  <inkml:trace contextRef="#ctx0" brushRef="#br0" timeOffset="3273">1486 323 7864,'-9'4'144,"3"-2"1,0 4-1,0 1 351,2 1 1,-4 0 0,2 1-319,-2 0 1,3 0 0,2-1 0,1 1-116,0 0 0,1 0 1,-2-1 20,2 1 0,4 0 1,0-2-1,1 0-433,0-1 0,3-3 0,-1 2 47,2-1 0,0 3 309,1-2 0,-1 0 0,-2 1 96,-3 1 0,-2-2 1,-1 1-32,0 0 1,-3-1 0,-1 0 0,-1 0-76,-2 0 0,-1-3 0,0 1-203,-1-2 1,0-1 0,0 0-265,1 0 1,0-4 0,1-2-150,1-2 1,4-1 619,-1 1 0,2-1 0,1 0 0</inkml:trace>
  <inkml:trace contextRef="#ctx0" brushRef="#br0" timeOffset="3677">1608 411 7859,'6'0'73,"0"0"200,0 0 0,-1 0 0,1-1-82,1-2 1,0 1 0,-1-3 0,-1 0-51,-1 0 0,0 3 0,-2-1 77,1-1 1,0-1-170,-3-4 1,-4 4-1,-2 2 65,-2 2 1,-3 1-1,-1 1 1,1 1-69,2 1 1,-1 4 0,-1-1 0,1 2 15,2 0 1,-1 2 0,4 1 0,-1 0 17,1 0 0,3 2 0,-1-2 1,2 0-61,1-1 0,0 1 0,1 1 0,2-1-214,2-2 1,3 0 0,2-1 0,2-2-346,2-3 0,3 0 0,1-1 0,2-2 539,0-2 0,4-8 0,-1 0 0</inkml:trace>
</inkml:ink>
</file>

<file path=ppt/ink/ink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34.73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54 80 7608,'-6'3'-1473,"0"-1"1430,1 1 1,-1-3 6,0 0 18,0 0-69,-3 0 20,5 0 1,-1 0 46,2 0 2,2 0 32,-3-4 67,0 3-35,3-2 0,-4 3 335,2 0 196,2 0-235,-6 0 1,5 0 181,-4 0-282,4 0 1,-5 1 183,4 1-83,0-1 25,-1 3-158,3-4-488,-2 0 266,3 0 1,1 0 58,1 0 0,0 0 0,4 0-33,1 0 0,-2 0 0,1 0-62,0 0 0,2 0 0,1 0 0,0 0-71,-1 0 0,1 0 0,0 0 0,0-1-106,-1-2 1,1 2 0,0-1 0,0 1-82,-1 1 0,1 0 0,0-1 0,0-1 306,-1-1 0,5 0 0,1 3 0</inkml:trace>
  <inkml:trace contextRef="#ctx0" brushRef="#br0" timeOffset="952">175 1 8238,'-4'0'984,"-1"3"-857,2 0 1,2 1 0,-3-2-131,0 1 1,2-1 0,-4-1 64,0 2 1,1-2 0,-1 3-7,-1 0 0,-1-2 1,0 3-1,-1 0 26,0 0 0,1-3 0,1 4-65,-2 1 0,2 1 0,-5 1 0,3-2-74,0-1 0,4 2 0,1-3 0,1 1-23,0-1 1,0-2 0,1 3 58,-1 1 0,0-2 0,4 0 2,2-1 1,-1 1 0,3-2 0,2 0 4,1 1 1,1-3-1,-1 3 1,1-1-49,0 0 1,1 0-1,0-2 1,2 1-201,-1 1 1,1-1-1,0-1 1,-1 1 28,-2 1 0,3 0 1,0-2-1,-2 1 233,0 1 0,3 4 0,0-2 0</inkml:trace>
</inkml:ink>
</file>

<file path=ppt/ink/ink7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43.39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7 0 7522,'-5'0'922,"1"0"0,3 0-113,-2 0-473,2 4 0,-4-3-241,2 2 0,2-1 1,-3 0 42,0 1 0,3 1 0,-2-1-150,-1 2 0,2 0 0,-3 1 0,0 0 8,0-1 0,0 3 1,-1-3-1,0 3 12,-1 1 1,-1 3 0,-1 0 0,2 2 22,1 1 0,-2 1 0,2-1 0,-2 0-50,0 1 1,2 3-1,0 1 1,0 0-77,1-2 1,1 3 0,4 0-1,0 0-24,0 1 1,0-2 0,1-2 0,2-2-237,3-1 1,2 0 0,1-3-1,0-2 84,3 0 1,-2-1 0,2 0 0,0-2-414,0-1 0,-1 1 684,-2-4 0,4 4 0,0-2 0</inkml:trace>
  <inkml:trace contextRef="#ctx0" brushRef="#br0" timeOffset="661">341 280 7905,'-4'-5'722,"2"1"116,-3 4-278,-1 0-380,-3 0 1,1 1 0,1 1 0,3 2-102,0 1 1,1-2-1,2 2 1,-1-1-176,-1 1 0,0 1 0,3 3 65,0 0 1,1-1 0,1 1-97,1 0 0,4-3 0,-1-1 108,1 2 1,2 0 0,-1 0 0,-1-2-161,-2-1 1,-2 1 0,2-1 93,-1 1 1,-1 1 0,-3 3 69,0-1 1,-1 1 0,-2 0 0,-2 0-55,0-1 0,-2 0 1,1-1-105,-2-1 0,-1-4 0,1 1-184,-1-2 0,0-2 0,1-2-25,3-3 1,1-2 0,4-1 381,0 1 0,0-1 0,0 0 0,4 0 0,0 1 0</inkml:trace>
  <inkml:trace contextRef="#ctx0" brushRef="#br0" timeOffset="1123">499 9 7906,'4'-4'-161,"1"3"797,-2-2-384,-2 2 0,3 2 0,-4 2 0,0 3-170,0 2 0,0 4 0,0 4 0,-1 3-69,-2 5 1,-2 4 0,-2 1 0,0-1 24,1-1 0,1 1 0,-1 0 0,3-4-29,2-2 1,-2-1 0,1-4 0,0 0-4,1-3 0,4-1 0,0-4 34,2-1 1,1 0 0,3-2-53,0-3 1,-1-2 0,1-1 20,0 0 0,-1-1 0,1-1 0,-1-2-225,-2-1 1,2-1 0,-3-2-1,2-1-417,-1 0 1,2 0 0,-3 1-734,0-1 1366,2 4 0,-6-3 0,3 3 0</inkml:trace>
  <inkml:trace contextRef="#ctx0" brushRef="#br0" timeOffset="1333">551 411 8262,'0'9'980,"0"-1"1,0 1-720,0 0 1,0 0 0,1-1-128,2 1 1,-1-1 0,3-1-1,0-2-550,-1-2 1,-1 3 0,2-2 0,0 0-565,0 0 0,-2-1 980,3-3 0,-4 4 0,1 1 0</inkml:trace>
  <inkml:trace contextRef="#ctx0" brushRef="#br0" timeOffset="1622">700 455 8266,'-6'1'2746,"1"2"-2516,1 2 0,0 3 0,1 2 0,-2 2-563,0 2 1,-1 3 0,3 0 0,1 1-763,1-1 1095,-3 0 0,3 1 0,-3-1 0</inkml:trace>
</inkml:ink>
</file>

<file path=ppt/ink/ink7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47.31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 9 7558,'0'-4'398,"0"0"1,0 5 0,0 2 0,0 2-242,0 3 1,0 1 0,0 0-1,0-1-83,0 1 1,-1 1 0,-1 0 0,-1 2-90,1-1 1,1-1 0,2-2-118,2 1 1,-1-4 0,4-1-4,0 0 1,2-3-1,1 1 82,0-1 0,-1-3 0,0-2 178,-2-1 313,2 3-333,-3-2 0,0 4 0,0 1 30,-1 2 0,-1-1-94,-3 4-101,4-1 0,1 0 80,3-2 0,-2-3 0,-1-3 0,0-2-15,0 1 0,-2-4 0,2 2 0,-1-2-91,1 0 1,-3-1 0,2 0 0,-1 0-364,0 1 1,1-1 0,-2 0-457,1 0 0,0 4 905,-3-1 0,0 4 0,0-2 0</inkml:trace>
  <inkml:trace contextRef="#ctx0" brushRef="#br0" timeOffset="443">289 158 8051,'-1'5'758,"-1"-1"1,-1 0-532,1 1 0,1 0 1,-1 1-1,-1 1-323,1 1 1,1 0 0,1 1-1,0 0-645,0 0 1,0-4-1,0 1 741,0 1 0,0 5 0,0 1 0</inkml:trace>
</inkml:ink>
</file>

<file path=ppt/ink/ink7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48.71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6 315 11373,'-9'0'426,"3"0"0,0 0-229,-1 0 0,3 0 1,-2 1-264,-1 2 1,-1 0-1,-1 4 1,2-1 90,1 1 0,-1 1 0,3 0 0,0 1-140,0 0 1,1 0 0,3-1-1,-2 1 117,-1 0 0,0 0 0,3 0-146,0 3 0,4-2 0,0 1 0,2-2-103,0-3 0,0 1 1,3-5-1,0 0-209,3-1 0,-2-1 1,2-1-1,0-1-1527,0-4 1983,-1-2 0,-2-1 0,0 0 0</inkml:trace>
  <inkml:trace contextRef="#ctx0" brushRef="#br0" timeOffset="761">237 9 8239,'-5'-1'1258,"1"-1"-237,0-1-805,3 0 1,-3 4 0,5 1 0,1 2 17,1 1 1,4 1-1,-1 3 1,1 3-27,2 2 1,0 6-1,0 2 1,-1 3-164,1 2 0,0 1 0,-1-1 1,-2 1-148,0 1 0,-4 3 0,1-3 0,-2 0-167,-1-2 1,-4 1 0,-2 0-1,-1-1-286,-2 1 1,-1 0 0,-1-4-1,0-2-1837,0 0 2392,-2-2 0,-1-3 0,-4 1 0</inkml:trace>
</inkml:ink>
</file>

<file path=ppt/ink/ink7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58.38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70 7878,'0'-6'-212,"0"0"0,0 0 1,0-2-1,0-1 915,0 0-488,0 5 0,0-1 135,0 2 1,0 1 438,0-4-282,0 4-437,0-2-154,0 4 139,0 0 0,1 4 0,1 2-59,1 2 1,0 1 0,-3 2-1,0 2 2,0 0 1,0 5 0,0 2 0,0 1-91,0 0 1,0-2-1,0 4 1,0-1 14,0 0 1,0-2-1,0 1 1,-1-1-84,-2 1 1,2-2 0,-2-3 84,2-2 1,1-3 0,0 1 0,0-3-91,0 0 1,1-1 115,2-2 1,-1-2 0,4-4 4,1 0 1,-3-4 0,0-2 0,-1-2 23,3-1 1,-1-2 0,0-1 0,0 1 50,0 2 0,0 1 0,4 1-64,0 1 1,0 3 0,-1-1 0,1 0 6,0 2 1,-1 2-1,-2 2 1,0 2 95,1 0 0,1 3 19,1 5 1,-5-2 0,-1 1-1,-2-1 2,-1-1 0,0 2 0,0 1 1,0-1 67,0-2 0,-1 0 0,-2 0 0,-2 0-127,-3-1 0,-1 1 0,0-1-199,1-2 1,-1 0 0,0-3 0,0-1-82,1-1 1,0-2 0,1-2 0,1-2-95,0-3 1,-1-4 0,1 1-1,3 0 342,2 1 0,1 1 0,0 1 0,4-1 0,1 0 0</inkml:trace>
  <inkml:trace contextRef="#ctx0" brushRef="#br0" timeOffset="1070">472 350 6939,'-5'0'2601,"1"0"-1944,4 0 21,0 0-442,0-4 1,1 3-156,2-2 0,-1 2 0,4 1-36,1 0 1,-2 0 0,1 0-44,0 0 1,-1 0-1,1 0 1,1 0-8,1 0 1,1 0 0,2 0-41,1 0 0,-1 0 0,-1 1 0,1 1-159,0 1 0,2 0 1,-2-2-1,1 1-1,2 1 1,-3 0 0,3-1 0,-1 1 61,-3-1 0,3-1 0,-1-1 0,-2 1-267,0 2 0,2-2 1,-1 2-1487,0-2 1896,-1-5 0,-2-1 0,1-4 0</inkml:trace>
</inkml:ink>
</file>

<file path=ppt/ink/ink7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2.49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 183 7958,'-1'-8'0,"-1"2"0,-1 0 1440,1-1-745,1 3-494,1 0-73,0 4 0,0 1-124,0 2 1,0 3-1,0 6 1,0 2 71,0 3 0,0 3 0,0 2 1,0 3-81,0 2 1,0-2 0,0-2-1,0 2-31,0 0 0,0 0 0,1-2 0,1-2-43,1-3 1,3-1 0,-2-3 0,-1-2-5,1-2 1,2-2-1,-2 1 10,1 0 0,1-1 4,2-3 1,1-2 73,0-6 1,-3-1 0,-1-6 0,-1-2 33,1-2 0,1-4 0,3-2 0,-1-3-14,-3-3 1,6-3 0,-2-1 0,1 0 33,-1 0 1,0-2 0,1 2 0,0 1-122,2 1 1,3-2 0,-4 7 0,0 3-430,-1 3 1,-2 2 0,1 4-540,0 3 1029,0 3 0,-1 13 0,1 2 0</inkml:trace>
  <inkml:trace contextRef="#ctx0" brushRef="#br0" timeOffset="573">245 437 7047,'0'4'1684,"1"0"-1268,2-4 0,1 0-279,5 0 1,-1-1 0,-1-1-230,-1-1 1,-2-3-1,3 1-34,-1 0 1,-4-3 105,1 2 0,-3 3 1,-2-1-337,-1 0 1,-4 3 260,1-2 0,-1 6 0,-2 3 93,0 1 0,3 2 1,1 1-1,1 0 35,-1 2 0,2 1 1,-2-3-1,1 3 107,2 1 1,1-4 0,1 3-1,0-1 131,0-1 1,1 1 0,2-4-34,3-3 0,2-1 0,1-4 0,2 0-76,1 0 1,2-4 0,-1-2 0,0-4-384,-1-2 0,3 1 1,-3 1-1,1-1-600,0 0 0,-2 0 1,-2 4-1,0 1 821,-1 0 0,1 2 0,0 0 0</inkml:trace>
  <inkml:trace contextRef="#ctx0" brushRef="#br0" timeOffset="872">472 437 6390,'-4'8'525,"3"-2"0,-2 0 0,2 1-142,1 1 0,-3 0 0,0 1 0,1 0-19,1-1 0,1 1 231,0 0-369,0 0 1,4-4-109,2-3 0,-1-4 1,0-4-1,0-3-137,0-3 0,0 3 0,4-4 0,-1 1-62,-2 1 1,3-1-1,-1 3 1,0 1-370,0-1 1,1 1-1,-3 2 1,2 3-491,1 2 0,-1 1 0,1 0 940,0 0 0,0 4 0,-1 1 0</inkml:trace>
  <inkml:trace contextRef="#ctx0" brushRef="#br0" timeOffset="1064">708 480 6981,'0'9'1183,"-1"-1"0,-1-1-627,-1-2 1,0-2-1610,3 3 24,0-4 1,3-6 1028,0-7 0,0-5 0,-3-1 0</inkml:trace>
  <inkml:trace contextRef="#ctx0" brushRef="#br0" timeOffset="1230">699 105 7985,'-4'-9'510,"2"4"649,-4 2 0,2 3 0,-2 3-1217,3 3 0,3 2 1,3 0-1,2 1-1156,-1 0 1,7 2 1213,-2 1 0,5 4 0,0-3 0</inkml:trace>
  <inkml:trace contextRef="#ctx0" brushRef="#br0" timeOffset="1800">935 795 7877,'0'-9'94,"0"0"1,-3 1 0,0-2 0,1-2 220,1-2 1,0-3 0,-1-1 0,-1-2-189,1 0 0,1-6 0,-1 0 0,-2-1-44,-1-4 0,2-1 0,-2-3 0,0 0-32,0-1 1,2-9-1,-1 4 0,0-2-179,2 1 0,1 2 1,1 4-1,1 3 50,2 2 1,3 5 0,4 7-1,3 4 133,0 3 1,2 3 0,2 2 0,2 2-6,1 2 1,-1 1 0,1 5 0,-2 2-54,-4 3 0,3 1 0,-4 0 0,1 0-1018,-2 3 0,-3 2 0,-1 3 1021,-2 1 0,-2-1 0,-4 0 0</inkml:trace>
  <inkml:trace contextRef="#ctx0" brushRef="#br0" timeOffset="2119">830 410 7007,'3'6'0,"1"-1"597,1-1-230,1-1 1,5-3 0,1 0-1,-1 0-154,-2 0 1,3 0 0,0 0-1,-1 0-131,2 0 0,-3 0 1,2 0-1,0 0-755,-1 0 0,4 0 1,-3 0 672,-2 0 0,0 4 0,-1 1 0</inkml:trace>
  <inkml:trace contextRef="#ctx0" brushRef="#br0" timeOffset="2467">1066 445 8442,'0'9'761,"1"-4"0,1-1-395,1 0 0,4-2 0,-2 2 0,3 0-182,1-2 1,0-1 0,0-1 0,2 0-232,1 0 0,-1-3 0,-1-1 0,1 0-206,0-3 1,1 0 0,-3 0 0,0 2-45,-1 1 1,1-1 279,0 2 0,0 0 86,-1 3 1,-3 4 0,-2 2 0,-3 2 260,-3 4 0,1 2 0,-4 4 0,0 2-84,-2 4 1,-4 4 0,1 1-1,-1 0-223,-1 1 0,4-3 0,-3 2 0,3-5-31,3-4 0,2-1 1,4-2-1,0 0 272,0-3-264,0-1 0,4-4 0,1-1 0</inkml:trace>
</inkml:ink>
</file>

<file path=ppt/ink/ink7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6.40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14 53 7409,'1'-8'-1396,"1"1"1549,0 1 1,2 3 678,-1-3-524,-2 5 0,3-4 354,-4 2 6,0 2-434,0-3 1,1 4 334,2 0-246,-2 0 0,3-1 394,-4-2-93,0 2-362,0-3 0,-1 4-82,-2 0 0,2 1-151,-2 2 0,-1-1 66,1 4 0,-3-3 0,4 3-21,0 0 1,-2-1 0,1 1 0,0 0-13,-1-1 1,2 2 0,-3-1 0,0 3-31,1 3 1,-1-3 0,-3 4 0,1-1-22,0-1 1,-2 2-1,4-1 1,-1 1-25,0 1 0,1 2 0,-2-1 0,3 1-60,0 2 1,0 2 0,2 3-1,-1 0-25,1 1 1,1 3-1,1-4 1,0 0-90,0 0 0,0 0 0,0 1 1,1-2 88,2 0 0,-2-2 1,3-3-1,0 0-271,2-3 0,1 2 0,2-3 0,1-1-1108,1 1 1,0-2 1476,4-2 0,-1 4 0,4 0 0</inkml:trace>
</inkml:ink>
</file>

<file path=ppt/ink/ink7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09.5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315 7931,'5'-1'-108,"-2"-2"512,-2 2 9,-1-3-237,0 4 0,0 4-82,0 2 0,0 2 0,0 1 0,0 3-36,0 3 0,0 2 1,0 4-1,0 2-74,0 2 1,0-2 0,0 1 0,0-1 7,0-1 0,-1 0 1,-1-5-1,-1 0-66,1-3 0,1 2 0,1-5 0,0 0-3,0-1 1,0-4-99,0-1 94,0-3 1,0 1 0,0-6-1,0-3-21,0-5 0,0 0 0,0-2 0,0-1 32,0 0 1,0 0 0,0-5 33,0-1 0,1 2 0,1-3 0,2 3 0,0 0 16,-1 1 0,1 2 0,-1 2 0,2 0 140,0 2 0,2 2 0,-3 0 40,1 0 1,-1 3-1,3 2 1,-1 0-3,1 2 0,-2 1 0,0 1-10,2 0 1,-2 1-1,1 2-57,1 2 0,-3 0 1,-1 1-5,-2 1 1,-1-2-1,0 1-21,0 0 0,-1 1 1,-1 0-1,-2-2-208,-1-1 0,-1 2 0,-3-4-72,1 0 0,2-1 0,0-1 0,-1 0-4,-1 0 0,3-3 0,-1-1 0,0-3-31,1-3 0,-2-3 1,4 1-1,1 0 32,1 0 0,1 2 0,1-2-10,2 3 1,-1 3-1,4 1 227,1 1 0,5 1 0,1 3 0</inkml:trace>
  <inkml:trace contextRef="#ctx0" brushRef="#br0" timeOffset="638">263 62 8090,'0'-9'-1295,"0"0"1592,0 0 1,0 4 0,1 0 2182,2 1-1919,-2-3-229,3 6 39,-4-7 202,0 7-727,0-3 0,0 8 0,0 2 0,0 2 161,0 1 0,0 2 1,0 3 116,0 2-108,0 4 0,-1 6 1,-1 0-1,-2 1 25,-1-1 1,0 2 0,-1-2 0,4-4 19,1-2 0,-2-4 1,0 0-1,1-3-122,1 0 1,1-4 0,0-3 0,1-1-65,2 0-1,-1 0-76,4-2 1,-1-3 124,4 0 1,0-4 0,0-5 0,-1-2-51,1-1 0,0 0 1,-1 1-1,1-2-126,0 0 0,0 1 0,-1-2 0,1 2-314,0 1 0,-3 1 1,0 3 566,0 1 0,-2-2 0,0 3 0</inkml:trace>
  <inkml:trace contextRef="#ctx0" brushRef="#br0" timeOffset="879">307 341 8090,'0'6'0,"0"0"488,0 1 0,0-2 0,0 0 17,0 2 0,3-2 0,1 0 1,0 0-871,3 0 0,1-3-219,1 0 0,-1-1 0,1-1 0,0 0 584,0 0 0,-1 0 0,1 0 0</inkml:trace>
  <inkml:trace contextRef="#ctx0" brushRef="#br0" timeOffset="1073">482 437 8256,'-5'4'854,"1"1"0,4 4-1021,0 0 0,0 3 0,0 2 0,0-1 167,0-1 0,0 6 0,0 0 0</inkml:trace>
</inkml:ink>
</file>

<file path=ppt/ink/ink7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9:11.97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 394 8198,'0'-9'1986,"0"5"-1724,0 0 0,0 6 0,0 2-420,0 5 139,-4 2 1,3 2-1,-2 1 71,2 3 0,1-1 1,0 0-1,0-2-53,0 2 0,0-4 0,0 0 0,0-2-15,0-2 0,4-3 0,2-1 15,1 0 0,2-4 1,1 0-1,1-4 15,0-1 0,1-2 0,-3 1 0,-1-2-27,1-1 0,-1 3 1,-1 2-1,-1 0 45,0 2 1,-1-2 0,1 1 1,-3 3 0,2 4 0,-1 1 186,-2 1 1,-1 2-1,0 0-102,1-2 1,0 1-45,4-4 0,0-3 1,3-4 14,0-5 0,-1-6 1,1 1-1,0-2-86,-1 2 0,1-3 0,0 4 0,0-1-45,-1 2 1,0 0 0,-2 0 0,-2 2-1853,0 4 1894,-3-2 0,7 3 0,-4-4 0</inkml:trace>
  <inkml:trace contextRef="#ctx0" brushRef="#br0" timeOffset="277">384 551 8017,'0'6'358,"0"0"0,-2 1-171,-1 1 1,-1 4 0,2 3 0,-1 1-310,1 2 0,1-2 0,1 0 0,0-3 122,0 0 0,4 3 0,1-3 0</inkml:trace>
  <inkml:trace contextRef="#ctx0" brushRef="#br0" timeOffset="1244">751 342 8125,'-5'0'411,"-1"0"0,3 0 1,-3 0-353,-1 0 1,2 3 0,0 1 0,-1 0-63,1 3 1,-3 0 0,2 0-1,-1-1 68,-2 0 1,0 5-1,0 1 1,1-2 40,-1 0 1,3-1-1,0 1 1,0 0 66,2 2 0,-3 2 0,4-2 0,1-1 54,1-2 1,1 3 0,0 0-136,0-2 0,4-1 0,2-2 0,1-2-212,2-1 0,3-1 0,1-3 0,2-1-310,0-2 1,4-2 0,-4-4 0,4 0-1352,1 1 1781,1-1 0,-4-4 0,1 0 0</inkml:trace>
  <inkml:trace contextRef="#ctx0" brushRef="#br0" timeOffset="1605">917 586 8437,'-2'9'0,"-1"0"166,1 0 1,0-1-1,0 2 1,-2 1-131,-1 0 0,3 4 1,-1-3-1,2-1-132,1 2 96,-4-3 0,3 6 0,-2-2 0</inkml:trace>
  <inkml:trace contextRef="#ctx0" brushRef="#br0" timeOffset="2407">1136 307 8080,'-4'-9'473,"3"4"0,-2-2-233,6 4 0,-1 1 0,4 2 1,1 0-100,0 0 1,2 0 0,0 0 0,0 0-37,-1 0 0,1 0 0,0 1 0,0 0-169,-1 2 1,-2 3 0,0-2 0,0 1-229,-1 2 0,1-2 0,-3 0 101,-1 2 1,-1 1 0,-1 1 0,-1-2 116,-2-1 1,1 2 0,-3-1 0,-2 3 31,-1 1 0,-4 1 0,1-3 0,0 0 82,1 3 1,-1-2 0,-1 1 0,1 0-29,2 1 1,1-3 0,1 3-1,1-2 245,-1-2 1,4 1 0,-1 0 203,0 0 1,3-1 0,-2 1-253,2 0 1,5-3-1,2-1-194,1-2 1,2 0-1,0-3 1,0 0-164,-1 0 0,1 0 1,1 0-1,1 0-325,0 0 0,1-1 1,-3-1-1,0 0 473,3 0 0,-2-3 0,2 0 0</inkml:trace>
  <inkml:trace contextRef="#ctx0" brushRef="#br0" timeOffset="2683">1110 455 8086,'-5'0'2431,"9"0"-2160,7 0 1,2 0 0,1 0 0,-1 0-603,1 0 1,-1 0 0,3 0 0,-2 0-852,2 0 1182,-3 0 0,3 4 0,-2 1 0</inkml:trace>
  <inkml:trace contextRef="#ctx0" brushRef="#br0" timeOffset="3442">1416 27 6749,'-1'-9'3670,"-2"1"-1663,2 3-888,-3 1-852,4 4 0,0 1 1,0 2-1,0 3 32,0 1 0,4 6 0,2 3 0,1 2-105,2 2 0,0 4 0,-1-2 0,1 2-92,0 3 1,0 2 0,-1-2-1,0 1-31,-2 1 0,-2 4 0,-4-2 0,0 1-770,0 0 0,-4 0 0,-3 4 0,-2 0-1279,-3-1 0,-6 5 1978,4-5 0,-12 10 0,2-1 0</inkml:trace>
</inkml:ink>
</file>

<file path=ppt/ink/ink7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31:18.10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49 1 7185,'5'0'657,"-2"0"-372,-3 0 1201,0 0-1536,0 4 1,-1-3 6,-1 2 0,-2-1 1,-3 0 43,1 0 1,1 2-1,-2-2 1,2 1-1,-2-1 1,-1 3 0,-1 0 8,0 0 0,1 1 1,-1-2-1,0 1-23,1 2 0,0-2 0,1 0 0,1 0-31,-1-1 1,2-1 0,1 3 30,0 1 0,0-3 0,2 0-31,-1 0 1,0-2 226,3 3 207,0-3 0,1 2-282,2-4 0,2 3 0,4 0-82,-1-1 0,-2-1 0,0-1 0,1 1 41,1 2 0,0-2 0,1 2-110,0-2 1,-1 2-1,1 0 1,0-1-62,0 2 0,-1-3 0,1 2 0,-1-1-106,-2 1 1,2-1-253,-3 4 1,-1-3 0,-1 3-99,-2 0 560,-5-2 0,-5 4 0,-4-3 0</inkml:trace>
</inkml:ink>
</file>

<file path=ppt/ink/ink7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7:19.05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8 23 8088,'-4'-8'1451,"4"3"-350,-3 0-1236,2 4 133,1-3 74,0 4 1,0 4 18,0 1 0,4-1 0,0 1 31,0 1 1,2-2 0,-1 2 0,2 1-4,1 2 0,-1 2 0,1-1 0,1 2-74,1 2 0,3 1 0,-3 0 0,0-1-30,0-1 1,-1 0 0,1-2 0,0 0-210,0-1 0,0 0 1,-2-2-1,-1-2-153,1-1 1,-1 2-1,1-3-414,-1 0 1,-2 0-776,0-4 1536,0 0 0,-1 0 0,-1 0 0</inkml:trace>
  <inkml:trace contextRef="#ctx0" brushRef="#br0" timeOffset="600">15 269 7960,'0'-5'1101,"0"0"-851,0 3 0,3-4 0,2 2-133,2-1 0,1-1 0,-1 0 0,1-2 71,2-2 1,1-4 0,3 1 0,0-3-131,2-1 0,4-3 0,0 3 0,0 0-13,0 1 1,1 2-1,-3-1 1,0 2-46,1 1 0,1-1 0,-1-2 0</inkml:trace>
</inkml:ink>
</file>

<file path=ppt/ink/ink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38.073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96 35 9312,'-5'4'117,"3"2"0,1 2 1,1 3-30,0 1 1,0 3-1,-1 1 1,-1 2-19,-1 3 1,-3 5 0,2-1 0,0 1-98,0 3 1,-2-1 0,3-3 0,-1-2 5,0-2 0,1-1 1,2-2-1,-1-2-157,-1-2 1,0-3 0,3-2-59,0 0 0,0-1-59,0 1-196,0-4 330,0-1 0,0-14 160,0-1 0,-1-4 0,-1 4 0,-1-1 21,1-2 1,0 0-1,0-4 1,0 1-16,0-1 1,-2 0 0,1-2 0,1 0 24,1 0 0,-2-1 0,0 1 0,1 0 37,1 2 1,1 1 0,0 2 0,0 1 20,0 2 1,3 0 0,0 2 0,0 0 82,1-2 0,0 0 1,2 4-1,0 0 8,1 2 1,1-2 0,1 2 0,0 0-122,3 0 1,-1-1 0,2 4 0,1 1-115,-1 1 0,-1 1 1,2 0-1,-2 1 74,-1 2 0,-1-1 0,-2 4 1,1 1-97,0 0 1,-4 2 0,-2 0 0,-2 0 161,-1-1 1,0 5 0,-1 1 0,-2 3-81,-3 0 0,-2 1 0,-1-1 0,0 1-77,-3-1 1,2 3 0,-2-2-1,0-1 73,0-1 1,1 0 0,2-1 0,0-1-72,1-2 0,-1 3 0,1-2 0,1-1 142,1 1 1,4 1 0,0-2 0,1-1-51,1-1 0,0-2 1,0 1-1,1-1 24,1-2 1,2 1-1,3-2 1,-1 1-25,1 0 1,1-4 0,1 1 0,2-2-286,1-1 0,-1 3 0,-1-1 0,1 0-383,0-1 1,1-1 646,-3 0 0,3 0 0,2 0 0</inkml:trace>
  <inkml:trace contextRef="#ctx0" brushRef="#br0" timeOffset="554">323 420 8700,'9'-3'216,"0"-1"-219,0-1 1,-4 2 0,1-3-119,1-1 0,-3 2 0,0 1 5,0 0 175,-3-3 0,2 6 1,-6-2-47,-3 2 0,-2 1 361,-1 0-266,1 0 1,-1 1 0,0 2 0,0 2-59,1 0 0,0 2 1,1-1-1,1 2-18,0 1 1,1-1-1,0-2 1,1 0 9,2 1 0,1 1 0,1 0 0,0 1-43,0 0 1,0 0-1,1-1-139,2 1 0,2-3 0,4-1 0,-1-1-61,1-2 0,1-1 0,0-1 1,3 0-530,1 0 730,-4-4 0,7-1 0,-4-4 0</inkml:trace>
  <inkml:trace contextRef="#ctx0" brushRef="#br0" timeOffset="996">551 323 7229,'-8'1'-118,"2"2"0,-1-1 1,3 3-1,0 0 827,1 0 0,-3 1 0,2 1-472,-1-1 0,3 2-8,-1-2 1,2 2-341,1 0 1,4 0 0,2-1-1,2-1 0,0-4 0,0 2 0,-1-2 69,-1 1 0,0 1 0,2-2 0,1 1 30,0-1 1,-3-1-1,0 0 70,0 2 0,-1-1 0,0 4 12,-1 0 1,-1-1 0,-4 1-1,-2 0-95,-3-1 0,1 3 0,-2-4 1,-1 2 36,-3 0 0,-1-3 1,4 2-1,-1-1-139,0-2 1,-2-1 0,-1-1 0,1 0-177,1 0 1,5-3 0,-1-1-1,0-1-103,1-2 1,-2-1 0,4 0 405,1-1 0,2 0 0,3 0 0,2 1 0</inkml:trace>
  <inkml:trace contextRef="#ctx0" brushRef="#br0" timeOffset="1993">725 393 8579,'0'9'144,"0"0"1,0 0-1,0 3 1,0 3-23,0 1 1,0 5 0,0 1 0,0 2-128,0 3 1,-3 2 0,0-3 0,-1 0-101,0 0 1,1-4 0,3-1-1,-1-4 75,-2-2 1,2-2 0,-2-5-239,2 1 81,1 0 0,-1-5 0,-1-5 123,-1-7 1,0-4-1,3-4 1,0-1 111,0-1 1,0-6 0,0 0 0,0-3-47,0-2 0,0-3 1,0 3-1,0 1 15,0 0 0,3 5 1,1 2-1,0 1 50,0 4 0,3 4 1,-1 1-1,0 1 104,0 1 0,2 4 0,-1 1 0,3 1-79,1 1 1,1-1-1,-3 4 1,-1 1 36,1 0 0,0 5 0,0-1-65,-1 2 1,0 3-1,-2 1 1,-3-1 64,-2-1 0,-1-2 1,0 1-1,-1 0-97,-2-1 1,1 0 0,-4-1 0,-1-2-272,0-1 0,-2-1 0,0-3 23,0 0 1,1 0 0,-1-1-1,0-2-60,0-3 0,1-2 1,-1-2-1,1 0-130,2-2 1,-1 1-1,5 2 146,0 0 1,1 3 0,2 1 259,2 1 0,5 2 0,6 2 0</inkml:trace>
  <inkml:trace contextRef="#ctx0" brushRef="#br0" timeOffset="2463">979 376 8782,'-8'4'782,"2"2"-646,3 1 1,-1 2 0,1 0 0,2 0-72,0-1 0,1 1 1,0 0-1,0-1-6,0 1 0,2 0 0,2-1 0,1-2-224,2 0 0,-2-3 0,1 2 0,1-1-90,0-2 0,2-1 0,0-2 107,-1-2 0,0-2 0,-1-4 0,-1 1 71,1-1 1,-3-1 0,-1 0 0,0-2-5,0 1 0,0 2 0,-3-1 0,-1 0-22,-2 1 0,1-3 0,-3 5 1,-2 1-50,-1 1 0,-1-1 1,0 4-1,1 0 38,-1 1 0,0 4 0,2 3 1,0 2-26,1 1 0,4 0 0,-1-1 0,2 1 139,1 0 0,0 0 0,0-1 0,0 1 0</inkml:trace>
  <inkml:trace contextRef="#ctx0" brushRef="#br0" timeOffset="2886">1154 323 7891,'-3'9'48,"0"0"0,-1 3 0,2 0 0,-1 1 181,1-1 1,1 4 0,1-2-1,0 0 13,0 1 0,0-5 1,0 2-1,1-2-97,2-2 0,2 0 1,4-1-98,-1-1 0,1-4 0,0 1 1,0-3-276,-1-3 1,1-2 0,0-4 0,-1 0-29,1 1 1,0-1-1,0 0 1,-1 0 178,1 1 0,0 2 1,-1 0-1,-2 0 84,0 1 0,-3 2 47,3 3 1,-4 0 0,1 3 237,-2 3 0,-1 5 1,0 1-1,0-2-213,0 0 1,0-1 0,0-1-306,0 1 0,0 0-715,0 0 940,4-5 0,1-4 0,3-4 0</inkml:trace>
  <inkml:trace contextRef="#ctx0" brushRef="#br0" timeOffset="3273">1486 323 7864,'-9'4'144,"3"-2"1,0 4-1,0 1 351,2 1 1,-4 0 0,2 1-319,-2 0 1,3 0 0,2-1 0,1 1-116,0 0 0,1 0 1,-2-1 20,2 1 0,4 0 1,0-2-1,1 0-433,0-1 0,3-3 0,-1 2 47,2-1 0,0 3 309,1-2 0,-1 0 0,-2 1 96,-3 1 0,-2-2 1,-1 1-32,0 0 1,-3-1 0,-1 0 0,-1 0-76,-2 0 0,-1-3 0,0 1-203,-1-2 1,0-1 0,0 0-265,1 0 1,0-4 0,1-2-150,1-2 1,4-1 619,-1 1 0,2-1 0,1 0 0</inkml:trace>
  <inkml:trace contextRef="#ctx0" brushRef="#br0" timeOffset="3677">1608 411 7859,'6'0'73,"0"0"200,0 0 0,-1 0 0,1-1-82,1-2 1,0 1 0,-1-3 0,-1 0-51,-1 0 0,0 3 0,-2-1 77,1-1 1,0-1-170,-3-4 1,-4 4-1,-2 2 65,-2 2 1,-3 1-1,-1 1 1,1 1-69,2 1 1,-1 4 0,-1-1 0,1 2 15,2 0 1,-1 2 0,4 1 0,-1 0 17,1 0 0,3 2 0,-1-2 1,2 0-61,1-1 0,0 1 0,1 1 0,2-1-214,2-2 1,3 0 0,2-1 0,2-2-346,2-3 0,3 0 0,1-1 0,2-2 539,0-2 0,4-8 0,-1 0 0</inkml:trace>
</inkml:ink>
</file>

<file path=ppt/ink/ink8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7:21.54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298 9378,'7'0'81,"1"0"0,-1 0 0,1 0-118,-1 0 1,1 0 0,-1 0 0,1 0-125,-1 0 1,1 0-1,-1 0 1,1 0-209,-1 0 0,0 0 369,1 0 0,3 0 0,0 0 0</inkml:trace>
  <inkml:trace contextRef="#ctx0" brushRef="#br0" timeOffset="575">7 395 8277,'8'0'621,"-1"0"0,1 0 0,-1 0-559,1 0 0,-1 0 1,1 0-1,-1 0-188,1 0 1,2 0-1,0 0 1,1 0 125,0 0 0,2-6 0,-1-3 0</inkml:trace>
  <inkml:trace contextRef="#ctx0" brushRef="#br0" timeOffset="10866">537 67 9526,'-4'0'716,"1"0"-141,3 0-511,0 4 0,0-4 19,3 3 0,-2-1 73,1 0-46,-1-1-98,-1 2 6,0-3 1,2 1-34,1 2 1,0-3 23,0 3 1,-2-2-22,4-1 1,-2 2 17,2 1 0,0 2-38,2-3 1,1 1 0,-1-1-25,1 1 0,-1 2 0,1-2-3,-1 1 1,-2-2 0,0 1-51,1 0 0,0 1 68,2 4 1,-3-2 0,-1 0 0,-1-1-1,-1 1 0,-1 1 0,-1 0 40,0 1 1,0-1-1,0 1 1,-1-1-21,-2 0 0,2 1 1,-4-1-1,0 1-22,1-1 0,-3 3 0,2 0 0,-2-1-8,0 0 0,0-2 0,-1 0 0,1 1-42,-1-1 1,-2 3 0,0 0 0,1-1 21,1 0 0,0 1 0,-2 0 0,1-1-23,-1-1 0,5-1 1,0 1-1,-1-1 78,-1 1 1,2-1-1,0 1-9,-1-1 1,2 1-1,0-1 154,1 1 0,-2-4-32,2 1 1,1-2 121,2 2 0,1-3-152,1 0 0,0 0 0,3-1 4,1 2 0,0-1 0,2-2 0,-1 0-18,1 0 0,2 0 0,0 0 1,0 0 78,0 0 0,1 0 1,2 0-1,0 0-30,0 0 0,4 0 0,0 0 0,0 0-50,-2 0 1,3 3-1,-1-1 1,0 0-31,-2-1 0,0-1 1,0 1-1,0 0-90,0 2 0,-3-1 0,-2-2 0,-2 0-1156,-1 0 0,1 0 1224,-1 0 0,-3-3 0,0-1 0</inkml:trace>
  <inkml:trace contextRef="#ctx0" brushRef="#br0" timeOffset="12223">544 0 8945,'8'0'142,"-1"0"1,1 0 0,-1 0 0,1 0-84,-1 0 1,1 0 0,-1 0 0,1 0-4,2 0 1,-1 0 0,1 0 0,0 0-26,0 0 1,4 0-1,-3 0 1,2 0-44,-1 0 1,-2 0 0,2 0 0,1 0-1,-2 0 0,3 0 0,-4 0 0,1 0 3,0 0 1,-1 0-1,-3 0 1,1 0-10,-1 0 0,1 0 0,-1 0 53,1 0 1,-3 0 64,0 0 23,0 0-17,2 3 1,0-1 24,-2 3-49,-2-3-159,-3 4-87,0-5 127,0 3 0,1-4-150,1 0 141,-1 3 0,3-2-133,-1 1 141,-2-1 0,4-2 1,-1-1 22,0 0 0,-2 0 1,2 1-18,0-2 1,2 2 51,-1-1 1,1-1 19,2 0-47,-4 1 1,0-1 205,-2 1-18,-1-1 30,3 3-230,-4 0-1,0 3 1,0-1 0,0 3 6,0 1 0,-1 1 1,-1 0-1,0 0-78,0 1 0,1 2 0,1 0 1,0-1-8,0-1 1,0 2 0,-1 0 0,0-1-190,-2-1 1,1 0 0,2-1-513,0 1 0,2-3 799,1 0 0,2 0 0,0 2 0</inkml:trace>
  <inkml:trace contextRef="#ctx0" brushRef="#br0" timeOffset="12716">910 403 7986,'0'-4'1329,"0"1"-1145,0 6 1,0 1 0,0 3 0,-1 2-198,-1 1 0,1-2 0,-2 3 1,2-1-451,1 3 1,-2-2 0,-1-1-1,2 0 463,0 0 0,4 0 0,1-2 0</inkml:trace>
</inkml:ink>
</file>

<file path=ppt/ink/ink8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7:37.08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84 157 7613,'-5'1'525,"0"1"0,3 2 0,-3 2-368,-1-1 1,3-3-1,-1 2 1,2 0-5,-1 0 1,0-1 0,1 2-41,0 1 1,-1-2 0,3 1-22,0 1 0,0 0-168,0 2 1,1-1-102,2 1 0,1-3 1,3-1-12,1-1 0,-1 0 0,1-3-20,-1 0 1,1 0-1,-1 0 1,1-1-267,-1-2 0,-2 2 0,0-4 0,1 0 474,0 1 0,-1-3 0,1 3 0,-2-4 0</inkml:trace>
  <inkml:trace contextRef="#ctx0" brushRef="#br0" timeOffset="254">307 8 7985,'-5'0'1299,"0"0"-1093,3 0 1,-1 0-665,6 0 0,1 0 0,4 0 458,-1 0 0,4-3 0,0-1 0</inkml:trace>
</inkml:ink>
</file>

<file path=ppt/ink/ink8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7:42.31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53 23 8127,'0'-4'-459,"0"0"328,0 1 272,0 2 2,0-2 322,0 3-504,0-3 113,0 2 101,0-3-42,0 4 1,-3 4 0,1 1-37,0 1 1,1 2-1,1 0 1,0 1-64,0 1 1,-2 3 0,-1-2 0,2 2-56,0 0 0,-2 2 0,1-4 1,0-1-128,1 1 1,1-1-1,0-3 1,0 1-91,0-1 1,0 1-16,0-1 158,0 1 83,0-4 1,0-1 16,-3-3 0,1-2 1,-2-2-1,1 0 10,1-2 0,-1 0 0,1-2 0,0 1-17,1-1 0,-1 1 0,-1 0 0,1-1 112,2 1 1,0 2 0,0 0 277,0-1-250,0-1 1,0 2 18,0 0 0,0 4-58,3-2 1,-1 2 0,3 1-102,0 0 0,2 3 0,0-1 1,1 0-151,-1-1 0,1-1 1,-1 0-1,1 0-186,-1 0 1,4 0-1,1-1 1,0-1 337,0-3 0,-2-2 0,0-1 0</inkml:trace>
</inkml:ink>
</file>

<file path=ppt/ink/ink8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7:58.14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72 404 6019,'-1'4'168,"-1"-2"129,1-1 0,-3 0 86,4 1 0,0-1 229,-3 2 21,2-2-401,-2-1-85,3 0-150,0-4 1,3 0 0,1-3-17,1-1 0,0 1 0,-1-1 0,-1 1 3,0-1 0,3 1 1,-1-1-1,1-2-16,-1 1 1,2-1-1,-3 1 1,1 1 57,0 1 0,-4-3 0,3 5 237,-1-1 79,-2-2-276,2 4-75,-3 1 11,0 3 1,0 3 0,0 2 20,0 2 1,0 0-1,0 1 1,0-1 3,0 1 1,-1-1 0,0 1 0,-2 2 4,1-1 1,2 1-1,0-2 1,0-1-20,0 1 0,0-1 1,0 1-18,0-1 0,2-2 0,1-1-9,2 0 1,-3 1 118,3-3 0,0 1 19,2-3 1,1 0 0,-1-1-64,1-2 0,-2 2 0,0-4 0,-1-1-19,1-1 1,0 0 0,0-1 0,-1 1-24,0-1 1,2-2-1,0 0 1,0-1-120,-2 0 1,1 0-1,-3 2 1,0-1-231,1 1 1,-2 1-1,-2 0-485,0 1-266,0-1 0,-2 8 1080,-1 2 0,-6 4 0,1 1 0</inkml:trace>
</inkml:ink>
</file>

<file path=ppt/ink/ink8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02.81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5 299 7046,'0'-5'3,"0"0"933,0 3-315,0-1-441,0 3 1,0 3 0,-1 2 0,0 2-145,-2 0 1,1 1-1,2 2 1,-1 0-6,-2-1 0,3 1 1,-3 0-1,2-1-52,1 0 0,0-4 0,0 0 1,1 0-35,2-1 0,1 0 0,3-2 1,1 0-12,-1 0 1,1-1-1,-1-1 1,0-1-53,1-2 0,2 2 0,0-4 0,-1 2 30,-1 1 1,0-1 125,-1 1-82,1-1 0,-3 3 1,-1 1-1,-1 2 225,-1 1 1,-2 1-1,0 0 111,0 0 0,1-1-295,2-2 1,1 2 5,3-2 1,1-3 0,-2-4 0,0-1-9,-1 1 1,0-1 0,2 1 0,-1-2-81,-1 0 0,-1-1 1,2 1-1,-2-1-139,-1 1 0,2 2 0,-3 0 0,1 0-642,0 1 0,-1-2 866,3 4 0,-3-4 0,1 2 0</inkml:trace>
  <inkml:trace contextRef="#ctx0" brushRef="#br0" timeOffset="277">328 351 7852,'-4'3'343,"1"-1"0,3 3 0,-1 0 103,-1-1 0,1 3 0,-2-2 0,2 1-202,1 2 0,0-3 0,0 0-775,0 0-237,0-1 0,1-1 0,2-5-96,2-3 1,-1 0 863,1-5 0,0-1 0,2-1 0</inkml:trace>
  <inkml:trace contextRef="#ctx0" brushRef="#br0" timeOffset="450">313 82 8363,'-4'0'523,"2"0"1,4 0-815,3 0 0,2 1 1,0 1-1,1 0 291,-1 0 0,1 2 0,-1 0 0</inkml:trace>
  <inkml:trace contextRef="#ctx0" brushRef="#br0" timeOffset="978">522 0 10079,'-2'8'270,"-1"-1"1,1 5-1,1 2 1,-1 3-25,0 2 0,-4 4 1,1 3-1,-2 3-167,0 1 0,0 2 0,0-2 1,1-1-317,1-2 0,3-1 0,-3-4 1,2-1 57,2-1 1,0-4-1,1-4 1,0-2-217,0 0 1,1-3 139,1-2 1,2-2 298,4-3 0,-4-3 0,-1-2 0,0-2-55,-1-3 1,1 1 0,-3-3 0,0 0 55,0 1 0,0 2 0,0-1 0,0 1 79,0 2 1,-3-1 0,1 1 178,0 0 1,0 2 44,0 3 0,2 1-273,0 1 0,3 0 1,5 0-1,-1 0-181,0 0 1,3 0 0,0 0 0,0 0-190,1 0 0,-3 0 0,3 0 0,-1 0 295,0 0 0,0-3 0,-3-1 0</inkml:trace>
  <inkml:trace contextRef="#ctx0" brushRef="#br0" timeOffset="1535">731 0 7972,'-4'0'258,"1"4"0,3 1 1,0 2 83,0 3 1,0 5 0,-1 6-1,-2 4-112,-2 4 1,-1 5-1,-2 3 1,1-1 99,-1-1 0,3-2 1,1-4-1,1-1-185,1-4 1,1-2-1,1-4 1,1-4-196,2-2 1,2-2-1,4-4 1,2-1-40,0-2 0,1-2 1,2-2-1,-1-2 33,0-2 1,3-2-1,-3-3 1,1-2-180,1 1 0,-1-2 0,-2 3 0,-2 1 230,-2 0 1,0 5 0,-1 2 110,1 1 0,-2 2 1,-1 1 212,-2 3 1,-2 5-1,-1 2 1,0 2 55,0-2 1,0 4 0,0-3 0,0 0-152,0-2 1,2 2 0,1-3 0,2-1-4846,0-1 4621,2-4 0,0-1 0,1-3 0</inkml:trace>
</inkml:ink>
</file>

<file path=ppt/ink/ink8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08.968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500 98 8532,'0'-5'409,"0"2"-300,0 3-236,3 0 0,-1 0 135,3 0 1,-3 0-1,3 0 26,1 0 1,1 0-1,0-1 1,0 0-16,1-2 0,-1 0 0,2 1 0,0 0-47,1 0 0,0 1 0,-3 1 0,1 0-106,-1 0 1,0 0 0,1 0 0,-1 0-133,1 0 0,-1 0 0,1 0 0,-1 0-230,1 0 0,-3 0 496,0 0 0,-4-3 0,3-1 0</inkml:trace>
  <inkml:trace contextRef="#ctx0" brushRef="#br0" timeOffset="900">537 16 7306,'0'-5'493,"0"2"1,0 2 231,0-1-343,0 1-132,0-2 43,0 3-367,-3 0 1,1 2 0,-2 1 0,0 1 28,0-1 1,-1 3 0,0-2 0,0 1 34,-1 0 1,-1-1-1,0 2 1,-1-1 28,1 1 1,0-2 0,1 1 37,1 1 0,0 0 1,-2 2 0,3-1-22,1 1 0,3-3-7,0-1 0,3-2 0,2 1-30,1 1 1,2-3 0,-1 1 0,2-1-52,1-1 0,-2 0 0,2 0 0,-2 0-203,0 0 0,2 0 1,0 0-1,-1 0-361,-1 0 0,-3 0 616,0 0 0,0 0 0,2 0 0</inkml:trace>
</inkml:ink>
</file>

<file path=ppt/ink/ink8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11.32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5 1 8582,'-4'0'369,"0"2"-246,1 1 1,2 2-84,-1 0 0,1 2 0,1 0-35,0 1 0,1-3 0,1-1-33,3-1 0,-1 0 0,1-3 0,1 0-33,1 0 0,0-3 0,1 0 0,-1-1-162,1-2 0,-1 2 1,1 0-1,-2 0-674,-1-1 0,1 3 897,-4-3 0,1 3 0,-3-1 0</inkml:trace>
</inkml:ink>
</file>

<file path=ppt/ink/ink8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11.60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1 8257,'1'4'3,"2"-2"1,-2-1 0,2-1 0</inkml:trace>
</inkml:ink>
</file>

<file path=ppt/ink/ink8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14.87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3 38 7646,'0'-5'1193,"0"0"-1020,0 3 0,1-1-428,1 3 290,-1 0 0,2 3 0,-3 3 0,-1 3 8,-1 0 1,1 2 0,-2-1 0,0 2-11,1-1 1,-3 3-1,2-4 1,2 1-71,0 0 1,-2 1 0,1-2-1,0-1-122,1 0 0,1-2-147,0 1-71,0-1 274,0-3 1,0-1 128,0-6 0,1-1 0,1-3-55,0-1 1,1 0 0,-3-1 0,0-1 7,0 1 0,0-3 0,0 0 0,0-2-9,0 2 1,2-2 0,1 2 0,-1 0-2,-2-1 1,0 4 0,1-1 167,2 2 0,-3 1 297,3-1-276,1 4 1,-2 1-1,3 3-76,1 0 1,-2 0 0,1 0-149,0 0 1,2 1 0,1 0 32,-1 2 1,0 3 0,-2-2-21,0 0 1,0 2-1,0-1 5,0-1 0,-3 2 118,0-1 1,-2 2-4,-2 0 1,-1 1 0,-3-1 0,1 0-44,-1-2 1,0 2 0,0-2 0,2 0 48,-2 0 1,0 2 0,0-2-27,1 2 0,3-3 0,-1 1 0,1-1 77,-1 0 1,1-2-1,2 3-76,0 1 1,0 1 0,0 0-65,0 1 0,3-2 0,1 0 0,1-2-107,0 0 0,1 1 0,3-2 0,1 0-221,-1 1 0,-1 1 1,1-2-1,0 0 344,1 0 0,0 3 0,-3-2 0</inkml:trace>
</inkml:ink>
</file>

<file path=ppt/ink/ink8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22.47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515 7904,'0'7'-1851,"0"-2"1814,0 0 39,0-3 630,0 1 973,0-3-1588,0-3 0,0 1 1,0-3-1,0-1 18,0 0 1,0-2 0,0 1-1,0-1-12,0-2 0,0-1 0,0-2 0,0 0 2,0 0 1,0-4-1,0-1 1,0 0-42,0 0 0,0-3 0,0 1 1,0-1-9,0 1 0,0-3 1,0 3-1,0 0 102,0 1 1,0 1 0,0 4 0,0 1-51,0 0 1,0 4-1,0-3 1,0 1 38,0 2 0,0 1 0,0 0 0,0 1-41,0-1 0,0 1 0,0-1-34,0 1 0,2 0 0,1-1-16,-2 1 1,1 0-1,0 1-40,0 1 116,1 4 141,-3-3 250,0 4 0,3 0-398,2 0 1,2 0 0,0 0-1,0 0-8,1 0 1,0 3 0,1-1 0,2 0-58,1-1 0,0 2 1,3 1-1,1 0-36,1-1 1,0 1-1,3 0 1,0 1-155,2 0 1,-2-3 0,0 1 0,0-1-5,-1 1 0,2 3 214,-1-1 0,-2 1 0,0 2 0</inkml:trace>
  <inkml:trace contextRef="#ctx0" brushRef="#br0" timeOffset="635">1 321 8712,'7'-1'153,"1"-1"1,2 1 0,0-2 0,2 2 30,1 1 0,1 0 1,2 0-204,1-3 0,0 2 1,2-1-1,-1 0 1,-1 1-567,-1-2 0,1 1 585,0 2 0,4 0 0,-2 0 0</inkml:trace>
  <inkml:trace contextRef="#ctx0" brushRef="#br0" timeOffset="1262">83 97 8099,'0'-4'371,"0"1"1,0 9-1,0 1-305,0 1 0,0 5 1,0 1-1,0 3 31,0 2 1,0 1-1,0 3 1,0 1-67,0 1 0,-3 3 1,1-4-1,0 0-263,1 0 0,2-3 0,1 0 0,1-2-923,1-1 1155,4 3 0,1-5 0,2 2 0</inkml:trace>
</inkml:ink>
</file>

<file path=ppt/ink/ink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28:43.394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7 0 7522,'-5'0'922,"1"0"0,3 0-113,-2 0-473,2 4 0,-4-3-241,2 2 0,2-1 1,-3 0 42,0 1 0,3 1 0,-2-1-150,-1 2 0,2 0 0,-3 1 0,0 0 8,0-1 0,0 3 1,-1-3-1,0 3 12,-1 1 1,-1 3 0,-1 0 0,2 2 22,1 1 0,-2 1 0,2-1 0,-2 0-50,0 1 1,2 3-1,0 1 1,0 0-77,1-2 1,1 3 0,4 0-1,0 0-24,0 1 1,0-2 0,1-2 0,2-2-237,3-1 1,2 0 0,1-3-1,0-2 84,3 0 1,-2-1 0,2 0 0,0-2-414,0-1 0,-1 1 684,-2-4 0,4 4 0,0-2 0</inkml:trace>
  <inkml:trace contextRef="#ctx0" brushRef="#br0" timeOffset="661">341 280 7905,'-4'-5'722,"2"1"116,-3 4-278,-1 0-380,-3 0 1,1 1 0,1 1 0,3 2-102,0 1 1,1-2-1,2 2 1,-1-1-176,-1 1 0,0 1 0,3 3 65,0 0 1,1-1 0,1 1-97,1 0 0,4-3 0,-1-1 108,1 2 1,2 0 0,-1 0 0,-1-2-161,-2-1 1,-2 1 0,2-1 93,-1 1 1,-1 1 0,-3 3 69,0-1 1,-1 1 0,-2 0 0,-2 0-55,0-1 0,-2 0 1,1-1-105,-2-1 0,-1-4 0,1 1-184,-1-2 0,0-2 0,1-2-25,3-3 1,1-2 0,4-1 381,0 1 0,0-1 0,0 0 0,4 0 0,0 1 0</inkml:trace>
  <inkml:trace contextRef="#ctx0" brushRef="#br0" timeOffset="1123">499 9 7906,'4'-4'-161,"1"3"797,-2-2-384,-2 2 0,3 2 0,-4 2 0,0 3-170,0 2 0,0 4 0,0 4 0,-1 3-69,-2 5 1,-2 4 0,-2 1 0,0-1 24,1-1 0,1 1 0,-1 0 0,3-4-29,2-2 1,-2-1 0,1-4 0,0 0-4,1-3 0,4-1 0,0-4 34,2-1 1,1 0 0,3-2-53,0-3 1,-1-2 0,1-1 20,0 0 0,-1-1 0,1-1 0,-1-2-225,-2-1 1,2-1 0,-3-2-1,2-1-417,-1 0 1,2 0 0,-3 1-734,0-1 1366,2 4 0,-6-3 0,3 3 0</inkml:trace>
  <inkml:trace contextRef="#ctx0" brushRef="#br0" timeOffset="1333">551 411 8262,'0'9'980,"0"-1"1,0 1-720,0 0 1,0 0 0,1-1-128,2 1 1,-1-1 0,3-1-1,0-2-550,-1-2 1,-1 3 0,2-2 0,0 0-565,0 0 0,-2-1 980,3-3 0,-4 4 0,1 1 0</inkml:trace>
  <inkml:trace contextRef="#ctx0" brushRef="#br0" timeOffset="1622">700 455 8266,'-6'1'2746,"1"2"-2516,1 2 0,0 3 0,1 2 0,-2 2-563,0 2 1,-1 3 0,3 0 0,1 1-763,1-1 1095,-3 0 0,3 1 0,-3-1 0</inkml:trace>
</inkml:ink>
</file>

<file path=ppt/ink/ink9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33.86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65 374 6858,'-4'0'180,"1"0"1146,3 0-530,-4 0-147,3 0-534,-2 0 0,3 0 257,0 3-673,0-2 287,0 2 35,0-3 20,0 3-55,0-2 134,0 2 185,0-3 0,1-2-242,1 0 0,-1-4 0,3 1-123,-1-2 1,-1 0 0,2-1 0,0 1-41,0-1 0,-2 1 0,3-1 0,-1-2-51,0 0 0,1-2 1,1 1-1,0 1 39,-1-1 0,-1 1 1,2 2-1,-2 1-17,0-1 1,-1 2-1,-1 0 330,0 1-119,1 3-29,-3-1 1,0 4-3,0 1 1,0 3 0,0 2 0,0 0-26,0 1 1,-1-1 0,-1 1 0,0-1 23,0 1 1,1 2 0,1 0 0,0 1 43,0 0 1,0-1 0,0-3 0,0 1-74,0-1 1,0 1 0,1-1-27,1 1 1,3-1-34,2 1 0,0-3 44,1 0 1,-1-4-1,0 1-10,-2-4 1,2-2-1,-3-3 1,1-1-7,0 1 0,-3-1 1,3 0-1,0-1-65,-1-1 0,2-3 0,-3 1 1,1 0-50,-1-1 1,2 4 0,-3-2 0,1 2-219,0 2 0,-2-2-1378,2 4 1720,-3 1 0,0 1 0,0 3 0</inkml:trace>
</inkml:ink>
</file>

<file path=ppt/ink/ink9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35.285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05 97 6788,'-5'-1'833,"3"-1"-394,1 1 45,1-2 80,0 3-161,-3 0-262,2 0-110,-2 0 60,9-4 1,-1 4-84,5-3 1,-1 2-1,-2 1 1,0 0-21,1 0 1,-1 0 0,1 0-1,-1 0-22,1 0 1,-1 0 0,1 0-1,-1 0 3,1 0 0,-1 0 0,0 0 1,0 1-276,-2 2 1,2-3-1,-2 3-266,1-2 0,-1-1 0,0 1 259,1 1 0,-3 0 0,0 3 313,-2 1 0,-1 0 0,0 2 0</inkml:trace>
  <inkml:trace contextRef="#ctx0" brushRef="#br0" timeOffset="895">112 0 8006,'-5'5'337,"0"0"1,0 0-225,-2 3 0,-1-2 1,2 0-1,0-2 9,1 0 0,1 1 0,-2-1 0,1 1 11,-1 0 0,2-2 1,-1 2 84,-1 1 1,0 0-195,-2 2 0,1-3 0,3 0-24,1 1 0,2-2-23,1 1 0,0 0 1,1 1 32,2-1 0,0-1 0,3-2 0,-2 1-1,-1 1 0,3-2 0,-2 1 0,1 0-83,0-1 0,-3 3 0,3-1 0,1-1-139,1 0 0,0 2 0,1-2 1,-1-2 15,1 0 0,0-1 0,1 0 1,2 0 196,0 0 0,2-3 0,2-1 0</inkml:trace>
</inkml:ink>
</file>

<file path=ppt/ink/ink9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38.50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30 15 7562,'0'-7'2214,"0"3"-2363,0 0 443,0 4 1,0 4-220,0 1 0,1 1 0,1 3 0,0 0-13,0 1 1,2 3 0,1-1 0,1 2-69,2-2 0,-1 1 0,-1-2 0,1 0-2,1 0 0,1-1 0,-1-3 0,-1 1-376,1-1 1,-1 0-1,0-2-212,1 0 0,-1 0 1,0 0-140,-2 0 0,-2-2 735,-3 2 0,0-4 0,0 3 0</inkml:trace>
  <inkml:trace contextRef="#ctx0" brushRef="#br0" timeOffset="352">0 217 7710,'7'-8'127,"-1"2"0,-1 0 58,0 1 0,2 0 1,1-3-1,0 1-70,2 0 1,-2-3 0,2 0 0,-1 1-276,1 0 1,-2 2 0,3-1-1,-1 2 1,0 0-360,-1 1 0,2 1 519,-1-1 0,0 1 0,-3 4 0</inkml:trace>
</inkml:ink>
</file>

<file path=ppt/ink/ink9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40.91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8 180 6494,'-4'0'669,"0"0"232,4 0-962,4 0 1,0-3 75,3 1 1,-2-3-1,0 1-8,1 0 0,1 0 0,-1-2 0,0 2 1,-1 1 1,0-3 0,2 2-11,1 0 0,-1-3 1,-2 3-1,0-1 4,1 0 0,1 3 0,-1-3 0,0-1 31,-1-1 0,0 2 0,2 0 0,-1 0 17,-1 1 0,-1-3 0,1 3 0,0-1 3,-2 0 0,2 3 0,-2-2 244,1 0-265,1-1 1,3 1-48,-1-1 1,-2 0-7,0 2 1,-2 1 18,2 2 0,-4-1-74,2-2 0,-2 2 11,2-1 0,-2 0-72,1 0-279,-1 1 0,0-2-159,1 3 1,-1 0 574,2 3 0,-6 1 0,-1 4 0</inkml:trace>
  <inkml:trace contextRef="#ctx0" brushRef="#br0" timeOffset="1130">418 98 7241,'0'-5'905,"0"2"-449,0 3 1,3 0-430,2 0 0,-1 0 0,1-1-17,1-1 1,1 1-1,0-1-93,1 1 0,-1 1 1,1 0-123,-1 0 1,3 0 0,0 0-174,-1 0 0,-1 0 0,0 0 0,-1 0-449,1 0 827,-1 0 0,1 0 0,-1 0 0</inkml:trace>
</inkml:ink>
</file>

<file path=ppt/ink/ink9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54.140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20 97 6404,'-4'-3'-665,"0"2"665,1-1 0,3 0 0,-3-1 8,2 3-8,1-4 0,-3 1 0,-1-1 0</inkml:trace>
  <inkml:trace contextRef="#ctx0" brushRef="#br0" timeOffset="983">90 82 8200,'-4'-1'-58,"2"-1"1,0 1-1,0-2 155,0-1 1,-1 4 192,0-3 1,1 0-98,-2 0 0,1 1-12,-2 2 1,3 0 94,-3 0-136,3 0 1,-2-1 170,1-1-245,2 1 0,-4-3-4,2 1 0,0 2 22,0-1 0,3 0-64,-3 0 125,2 1-414,1-3 217,0 4 142,0 4 48,0-3 0,1 3 207,2-2 163,-3-1-291,4 2-138,-4-3 0,1 0 0,0 1-131,2 2-27,-1-2 105,-2 2 28,3 0 11,-2-2 0,3 2-3,-1-3 1,-1 3-42,3-1 1,0 2 15,2-2 0,0-1-13,1 1 1,-1 2-1,1-2-26,-1 0 0,1 1 0,-1 0 1,1 1-88,-1-1 0,1 3 50,2-1 0,-1 1 1,1-1-1,-2 0-43,-1-2 1,1 3-1,-2-1-55,-1 1 0,1-1 1,-3 0 111,-2 1 0,0 1 1,-1 0 32,0 1 1,-1-1-1,-1 1 4,-3-1 0,-2-2 0,0 0 0,-2 1-4,0 0 1,-1 1-1,-2-1 1,0-1-112,0 1 0,-2 0 1,1 2-1,0-1-40,1 1 1,-1-1 0,3 1 0,0-2 10,2-1 0,1 2 0,-1-2 0,1 1 0,2 1 1,1-1 117,0-1 108,2 0 0,2 2 18,0 1 0,3-4 1,2-2 19,2-1 1,0 2 0,1-1-38,-1 0 0,1-1 0,0-1 1,1 0-40,1 3 1,0-2 0,-2 1 0,1-1-5,1-1 0,4 0 1,-3 0-1,2 0-46,-1 0 0,0 0 0,3 0 1,0 0-129,0 0 1,0 0 0,0 0 0,-1 0-379,-1 0 0,0 0 500,-3 0 0,3 0 0,-1 0 0</inkml:trace>
  <inkml:trace contextRef="#ctx0" brushRef="#br0" timeOffset="2117">46 23 8380,'0'4'1234,"0"-1"-700,0-3-411,3 0 0,1 0-61,4 0 0,-1 0 1,0 0-1,1 0 6,-1 0 0,1 0 1,-1 0-1,1 0-26,-1 0 1,3-1 0,0 0 0,0-2-54,1 1 0,-2 1 0,3-1 0,-1 0-29,1 0 0,-3 0 0,2 1 0,-1-2 5,0 1 1,-1 2 0,-1 0 0,-1 0-78,1 0 0,-1 0 0,1 0 0,-1 0 28,1 0 1,-1-1 0,1-1-4,-1 0 1,-2-1-53,0 3 196,0 0 313,-1 0 11,-1 0-60,-3 0-290,0 4 5,0-4 0,0 4 11,0-1 1,0 1-4,0 4 1,0-1 0,0 0 0,0 1-28,0-1 0,0 1 0,0-1 0,0 1-107,0-1 0,0 1 0,0-1 0,0 1-224,0-1 1,0-2 0,0 0-184,0 1 1,3-2 496,-1 1 0,4 0 0,-2 2 0</inkml:trace>
  <inkml:trace contextRef="#ctx0" brushRef="#br0" timeOffset="2608">336 321 8247,'-4'3'547,"-1"2"0,2 2-388,1 0 1,2 1-1,0-1 1,0 1-32,0 2 1,0-1 0,0 1 0,0-2-704,3-1 0,-1 1 0,3-2 0,-1 0 575,1-1 0,1 0 0,-2 3 0</inkml:trace>
</inkml:ink>
</file>

<file path=ppt/ink/ink9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2:58:59.637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99 150 7882,'-3'5'0,"0"-1"-464,-1 0 669,2-2 0,-4-1 0,3 0 187,-1 2 1,1 3-265,-2-1 0,3 1 0,-2 2 0,0-1 11,3 1 1,-1-2 0,0 0 0,0-1-165,0 1 1,1-2 0,2 0 0,2 0-30,2-3 1,-1 3 0,1-2 0,1 0-62,0-2 0,2 0 0,-1 0 0,1 0-133,-1 0 0,3-2 1,0-1-1,-1-1 248,-1-2 0,0-1 0,-1 0 0</inkml:trace>
  <inkml:trace contextRef="#ctx0" brushRef="#br0" timeOffset="239">299 38 8749,'-1'-6'667,"-2"1"-558,2 1 0,0 4-109,6 0 0,0 4 0,5 0 0</inkml:trace>
</inkml:ink>
</file>

<file path=ppt/ink/ink9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1:25.056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39 8121,'0'-4'959,"0"1"-630,0 3-205,0-3 75,2 3 16,-1-3-105,2 3 0,-2 0-42,1 0 0,-1 2 0,3 1 21,-1 0 1,0 0 0,-2 1-29,1 1 0,2-2 0,-1 2 0,0 0 0,1 0-57,-1 2 0,1 1 0,1 1 0,-1-1-13,1-1 1,1 0-1,0 1 14,1 0 1,-1 0 0,0-3 0,1 0 0,-1 0-106,1 1 0,-3-1 0,0 0 1,1-2-110,1 0 0,-2 2 1,0-3-1,-1 1-360,1 0 1,-2-1 0,1-1-38,0 1 1,2 0 605,-3 2 0,0-3 0,-2 2 0</inkml:trace>
  <inkml:trace contextRef="#ctx0" brushRef="#br0" timeOffset="547">20 206 7700,'-1'-4'1468,"-1"2"-944,1 1-559,-2 1 0,4-1 74,1-1 0,0-1 0,2-2 0,1 0 31,1-2 0,1 0 0,1-4 1,2 1 5,0 0 0,2-4 1,-1 1-1,1-1-400,1 1 1,0 0 0,0 0 0,2 0-120,0 0 443,0 3 0,0-2 0,2 2 0</inkml:trace>
</inkml:ink>
</file>

<file path=ppt/ink/ink9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1:26.802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0 33 7643,'0'-4'773,"0"2"-666,0 4 1,1 2 0,1 2 0,0 1 30,-1-1 1,3 3 0,-1 0-1,1 0-6,1 0 0,-1 2 0,2-2 1,1 1-76,-1-1 0,1 0 0,0-3 0,1 0-126,0 1 1,1-2 0,-1 0-1,1-1-100,-1-1 1,-1 1 0,-1-2 0,1 0-275,-1-2 1,0 0 0,1 0-98,-1 0 0,-2 1 540,-2 1 0,-1 2 0,-1 2 0</inkml:trace>
  <inkml:trace contextRef="#ctx0" brushRef="#br0" timeOffset="427">20 206 8185,'0'-4'396,"0"0"1,2 2 0,3-1 0,0 0-252,2-1 1,-1-2 0,1 0-1,2-1 32,2-2 1,4-1 0,2-2 0,1-2-326,1-1 0,1 1 0,-1 0 1,0 0-939,0 1 0,1-1 1086,-1 1 0,0-1 0,0 4 0</inkml:trace>
</inkml:ink>
</file>

<file path=ppt/ink/ink9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1:33.791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26 19 7955,'-3'-3'-78,"2"0"1,-2 2 589,0-1-9,-2 1-165,4-1-313,-5 2 1,6 0 0,-3 2-1,3 3 58,0 0 1,2 2 0,1 2 0,0 2 22,2 1 0,-1 3 0,0 0 0,1-1-73,1 0 1,0 1-1,1-1 1,1 0-102,1-3 1,0 1 0,-1-3 0,1 0-101,1-2 0,-1 2 1,1-4-1,-1 0 4,-1 1 1,1-3 0,-1 1 0,0-1-45,-1 1 0,-1-2 0,-1 2 0,-1-1-1073,1-2 1281,-2 3 0,0-1 0,-3 4 0</inkml:trace>
  <inkml:trace contextRef="#ctx0" brushRef="#br0" timeOffset="461">14 250 7829,'0'-3'451,"0"-1"136,0 2-419,0 1 1,0-2 228,0 1-269,0 1 1,2-3 0,1 3-26,0-1 0,-1-3 0,2 1 0,1-1-22,1-1 1,1 0 0,2-5-1,2 0-72,1-1 0,3-4 1,2-1-1,2-1-395,0-2 0,0 2 0,1 0 0,1 2 386,0 0 0,1 1 0,-3 2 0</inkml:trace>
</inkml:ink>
</file>

<file path=ppt/ink/ink9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1-27T13:01:45.709"/>
    </inkml:context>
    <inkml:brush xml:id="br0">
      <inkml:brushProperty name="width" value="0.06" units="cm"/>
      <inkml:brushProperty name="height" value="0.06" units="cm"/>
    </inkml:brush>
  </inkml:definitions>
  <inkml:trace contextRef="#ctx0" brushRef="#br0">1 283 8546,'4'-3'72,"1"-1"1,-3 1 0,1 0-47,0 0 0,0 2 1,-1-3 2,2-1 0,0 0 0,0 0-9,1 0 1,-1 1 0,0-2 0,1-1 0,1 2 11,0 0 1,1-3 0,-1 2 0,0-2-35,1-1 1,-1 2 0,1-2 0,1 0-10,1 0 1,-1 1-1,-1 1 1,-1 1-11,0 0 1,0-1-1,-1 1 1,-1-1 1,1 1 1,-2 2-1,0 0 1,-1 1-55,0-1 0,3 2 10,-3-2 42,0 2-15,1-1-41,-2 3 49,1 0 342,-2 0-240,3 0 32,-2 0 1,2 0 161,-3 0-251,0 3 0,1-2-12,1 1 1,-2 2 0,3 0 19,0 2 1,-2 0 0,1 0 0,-1 1-3,-1-1 1,0 3-1,0-1 1,2 1-10,0 0 0,0-2 0,-1 3 0,0-2 1,1 1 0,3 0 0,-3-1 0,0 0-19,1 0 0,-2-1 0,3 0-3,1-1 0,-1 1 0,0-1 12,-2 0 0,1-1 0,-1-1 77,0 1 0,1-2-81,-1 2 0,-1-1-331,4 2 1,-3-2 46,2-2 1,-2-1 0,2-1-233,1 0 1,-1-2 0,0-1 514,1-1 0,1-3 0,0-3 0</inkml:trace>
  <inkml:trace contextRef="#ctx0" brushRef="#br0" timeOffset="1313">668 78 6812,'-4'0'579,"2"0"0,2 0-380,2 0 1,0 3 0,1 1 18,0 2 0,2 1 1,0 1-128,0 0 0,0 1 0,-2-3 0,1 0-30,-1 1 0,1 1 1,1 1-1,-1-1-178,1-1 1,0-1 0,0 1 0,-1-1-291,1 1 1,0-3 0,0 0-152,0 1 1,-2 1 0,2 0 557,-1 1 0,-2-1 0,1 1 0</inkml:trace>
  <inkml:trace contextRef="#ctx0" brushRef="#br0" timeOffset="2013">610 283 8324,'-3'-1'134,"1"-1"-96,1 1 108,1-1 1,1-1-26,1-2 0,1 0 0,4-2 0,1 1-46,1 0 0,2-3 0,1-1 0,1-1-12,2-3 0,3-1 1,-1 0-1,2-1-259,0-1 0,-1 0 0,0 1 0,-1 0-318,1 0 0,-2-1 0,-1 2 514,-2 1 0,0 1 0,0 0 0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3" name="Tijdelijke aanduiding voor datum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05F25DE2-B715-4EA4-8CF0-DA425EA806A7}" type="datetimeFigureOut">
              <a:rPr lang="en-GB" smtClean="0"/>
              <a:t>01/12/2023</a:t>
            </a:fld>
            <a:endParaRPr lang="en-GB"/>
          </a:p>
        </p:txBody>
      </p:sp>
      <p:sp>
        <p:nvSpPr>
          <p:cNvPr id="4" name="Tijdelijke aanduiding voor dia-afbeelding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Tijdelijke aanduiding voor notities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/>
              <a:t>Klik om de modelstijlen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A799BBE-B871-48D7-983C-C0B1D7156DCD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33719315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1pPr>
    <a:lvl2pPr marL="3429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2pPr>
    <a:lvl3pPr marL="6858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3pPr>
    <a:lvl4pPr marL="10287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4pPr>
    <a:lvl5pPr marL="13716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5pPr>
    <a:lvl6pPr marL="17145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6pPr>
    <a:lvl7pPr marL="20574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7pPr>
    <a:lvl8pPr marL="24003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8pPr>
    <a:lvl9pPr marL="2743200" algn="l" defTabSz="6858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A799BBE-B871-48D7-983C-C0B1D7156DCD}" type="slidenum">
              <a:rPr lang="en-GB" smtClean="0"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96919152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A799BBE-B871-48D7-983C-C0B1D7156DCD}" type="slidenum">
              <a:rPr lang="en-GB" smtClean="0"/>
              <a:t>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17120667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Title at the top">
    <p:bg>
      <p:bgPr>
        <a:solidFill>
          <a:srgbClr val="EEE8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lack75"/>
          <p:cNvSpPr/>
          <p:nvPr userDrawn="1"/>
        </p:nvSpPr>
        <p:spPr>
          <a:xfrm>
            <a:off x="0" y="756000"/>
            <a:ext cx="9144000" cy="1080000"/>
          </a:xfrm>
          <a:prstGeom prst="rect">
            <a:avLst/>
          </a:prstGeom>
          <a:solidFill>
            <a:schemeClr val="tx1">
              <a:alpha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" y="756049"/>
            <a:ext cx="9143999" cy="792000"/>
          </a:xfrm>
          <a:solidFill>
            <a:schemeClr val="tx2">
              <a:alpha val="50000"/>
            </a:schemeClr>
          </a:solidFill>
        </p:spPr>
        <p:txBody>
          <a:bodyPr lIns="756000" rIns="1962000" anchor="ctr"/>
          <a:lstStyle>
            <a:lvl1pPr algn="l">
              <a:lnSpc>
                <a:spcPts val="2300"/>
              </a:lnSpc>
              <a:defRPr sz="2200" baseline="0">
                <a:solidFill>
                  <a:schemeClr val="bg1"/>
                </a:solidFill>
              </a:defRPr>
            </a:lvl1pPr>
          </a:lstStyle>
          <a:p>
            <a:r>
              <a:rPr lang="en-GB"/>
              <a:t>Example of a title at the top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-1" y="1548000"/>
            <a:ext cx="9143999" cy="288000"/>
          </a:xfrm>
          <a:solidFill>
            <a:schemeClr val="tx2">
              <a:alpha val="50000"/>
            </a:schemeClr>
          </a:solidFill>
          <a:ln>
            <a:noFill/>
          </a:ln>
        </p:spPr>
        <p:txBody>
          <a:bodyPr wrap="none" lIns="756000" tIns="18000" rIns="1962000"/>
          <a:lstStyle>
            <a:lvl1pPr marL="0" indent="0" algn="l">
              <a:buNone/>
              <a:defRPr sz="1000" b="1" cap="all" baseline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SUBTITLE OR DATE</a:t>
            </a: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521D38FC-6D70-0146-84E1-32B3F0A2D64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340600" y="4568825"/>
            <a:ext cx="1803400" cy="574675"/>
          </a:xfrm>
          <a:prstGeom prst="rect">
            <a:avLst/>
          </a:prstGeom>
        </p:spPr>
      </p:pic>
      <p:sp>
        <p:nvSpPr>
          <p:cNvPr id="9" name="Tijdelijke aanduiding voor tekst 8"/>
          <p:cNvSpPr>
            <a:spLocks noGrp="1"/>
          </p:cNvSpPr>
          <p:nvPr>
            <p:ph type="body" sz="quarter" idx="13" hasCustomPrompt="1"/>
          </p:nvPr>
        </p:nvSpPr>
        <p:spPr>
          <a:xfrm>
            <a:off x="0" y="3990975"/>
            <a:ext cx="9143999" cy="576263"/>
          </a:xfrm>
          <a:solidFill>
            <a:srgbClr val="000000">
              <a:alpha val="25000"/>
            </a:srgbClr>
          </a:solidFill>
          <a:ln>
            <a:noFill/>
          </a:ln>
        </p:spPr>
        <p:txBody>
          <a:bodyPr lIns="756000" anchor="ctr" anchorCtr="0"/>
          <a:lstStyle>
            <a:lvl1pPr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Name, Function</a:t>
            </a:r>
          </a:p>
        </p:txBody>
      </p:sp>
      <p:sp>
        <p:nvSpPr>
          <p:cNvPr id="11" name="Tijdelijke aanduiding voor tekst 8"/>
          <p:cNvSpPr>
            <a:spLocks noGrp="1"/>
          </p:cNvSpPr>
          <p:nvPr>
            <p:ph type="body" sz="quarter" idx="14" hasCustomPrompt="1"/>
          </p:nvPr>
        </p:nvSpPr>
        <p:spPr>
          <a:xfrm>
            <a:off x="-6667" y="4567237"/>
            <a:ext cx="7347267" cy="576263"/>
          </a:xfrm>
          <a:solidFill>
            <a:srgbClr val="FFFFFF"/>
          </a:solidFill>
          <a:ln>
            <a:noFill/>
          </a:ln>
        </p:spPr>
        <p:txBody>
          <a:bodyPr lIns="756000" anchor="ctr" anchorCtr="0"/>
          <a:lstStyle>
            <a:lvl1pPr>
              <a:defRPr sz="1100" b="0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/>
              <a:t>Department, Sub department or Capacity Group</a:t>
            </a:r>
          </a:p>
        </p:txBody>
      </p:sp>
    </p:spTree>
    <p:extLst>
      <p:ext uri="{BB962C8B-B14F-4D97-AF65-F5344CB8AC3E}">
        <p14:creationId xmlns:p14="http://schemas.microsoft.com/office/powerpoint/2010/main" val="16442228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image - 1/2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4723518" y="586800"/>
            <a:ext cx="3600000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/>
              <a:t>This is an example of 19,5 </a:t>
            </a:r>
            <a:r>
              <a:rPr lang="en-GB" err="1"/>
              <a:t>pt</a:t>
            </a:r>
            <a:r>
              <a:rPr lang="en-GB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4720343" y="1295401"/>
            <a:ext cx="3598863" cy="29337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enter text</a:t>
            </a:r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4354513" cy="4567238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insert image</a:t>
            </a:r>
          </a:p>
        </p:txBody>
      </p:sp>
    </p:spTree>
    <p:extLst>
      <p:ext uri="{BB962C8B-B14F-4D97-AF65-F5344CB8AC3E}">
        <p14:creationId xmlns:p14="http://schemas.microsoft.com/office/powerpoint/2010/main" val="188727059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image - 2/3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3494405" y="586800"/>
            <a:ext cx="4820920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/>
              <a:t>This is an example of 19,5 </a:t>
            </a:r>
            <a:r>
              <a:rPr lang="en-GB" err="1"/>
              <a:t>pt</a:t>
            </a:r>
            <a:r>
              <a:rPr lang="en-GB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3491230" y="1295401"/>
            <a:ext cx="4824095" cy="29337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GB"/>
              <a:t>Click to enter text</a:t>
            </a:r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3022600" cy="4567238"/>
          </a:xfrm>
        </p:spPr>
        <p:txBody>
          <a:bodyPr/>
          <a:lstStyle/>
          <a:p>
            <a:r>
              <a:rPr lang="en-GB"/>
              <a:t>Click to insert image</a:t>
            </a:r>
          </a:p>
        </p:txBody>
      </p:sp>
    </p:spTree>
    <p:extLst>
      <p:ext uri="{BB962C8B-B14F-4D97-AF65-F5344CB8AC3E}">
        <p14:creationId xmlns:p14="http://schemas.microsoft.com/office/powerpoint/2010/main" val="681225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ing + full screen dark image">
    <p:bg>
      <p:bgPr>
        <a:solidFill>
          <a:schemeClr val="bg1">
            <a:lumMod val="6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8825" y="518400"/>
            <a:ext cx="7556500" cy="733827"/>
          </a:xfrm>
        </p:spPr>
        <p:txBody>
          <a:bodyPr/>
          <a:lstStyle>
            <a:lvl1pPr>
              <a:defRPr baseline="0">
                <a:solidFill>
                  <a:schemeClr val="bg1"/>
                </a:solidFill>
              </a:defRPr>
            </a:lvl1pPr>
          </a:lstStyle>
          <a:p>
            <a:r>
              <a:rPr lang="en-GB"/>
              <a:t>This is an example of a white headline on a full screen, dark imag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77015124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ing + full screen light image">
    <p:bg>
      <p:bgPr>
        <a:solidFill>
          <a:schemeClr val="bg1">
            <a:lumMod val="9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8825" y="518400"/>
            <a:ext cx="7556500" cy="733827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GB"/>
              <a:t>This is an example of a black headline on a full screen, light imag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968328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hite background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8825" y="518400"/>
            <a:ext cx="7556500" cy="733827"/>
          </a:xfrm>
        </p:spPr>
        <p:txBody>
          <a:bodyPr/>
          <a:lstStyle>
            <a:lvl1pPr>
              <a:defRPr baseline="0">
                <a:solidFill>
                  <a:schemeClr val="tx1"/>
                </a:solidFill>
              </a:defRPr>
            </a:lvl1pPr>
          </a:lstStyle>
          <a:p>
            <a:r>
              <a:rPr lang="en-GB"/>
              <a:t>This is an example of a black headline on a white background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cxnSp>
        <p:nvCxnSpPr>
          <p:cNvPr id="7" name="Rechte verbindingslijn 6"/>
          <p:cNvCxnSpPr/>
          <p:nvPr userDrawn="1"/>
        </p:nvCxnSpPr>
        <p:spPr>
          <a:xfrm>
            <a:off x="0" y="4563782"/>
            <a:ext cx="9144000" cy="0"/>
          </a:xfrm>
          <a:prstGeom prst="line">
            <a:avLst/>
          </a:prstGeom>
          <a:ln w="317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9" name="Tijdelijke aanduiding voor afbeelding 8"/>
          <p:cNvSpPr>
            <a:spLocks noGrp="1"/>
          </p:cNvSpPr>
          <p:nvPr>
            <p:ph type="pic" sz="quarter" idx="13" hasCustomPrompt="1"/>
          </p:nvPr>
        </p:nvSpPr>
        <p:spPr>
          <a:xfrm>
            <a:off x="1890000" y="1299075"/>
            <a:ext cx="5292725" cy="2977200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insert image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818668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Scarlet background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This is an example of a 27 </a:t>
            </a:r>
            <a:r>
              <a:rPr lang="en-GB" err="1"/>
              <a:t>pt</a:t>
            </a:r>
            <a:r>
              <a:rPr lang="en-GB"/>
              <a:t> headline with 27 </a:t>
            </a:r>
            <a:r>
              <a:rPr lang="en-GB" err="1"/>
              <a:t>pt</a:t>
            </a:r>
            <a:r>
              <a:rPr lang="en-GB"/>
              <a:t>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 baseline="0"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Click to enter text</a:t>
            </a:r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5339658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able +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5650" y="586800"/>
            <a:ext cx="7563556" cy="516339"/>
          </a:xfrm>
        </p:spPr>
        <p:txBody>
          <a:bodyPr wrap="none"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US"/>
              <a:t>Sample slide with table and text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55651" y="2638425"/>
            <a:ext cx="7563556" cy="159067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enter text</a:t>
            </a:r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sp>
        <p:nvSpPr>
          <p:cNvPr id="8" name="Tijdelijke aanduiding voor tabel 7"/>
          <p:cNvSpPr>
            <a:spLocks noGrp="1"/>
          </p:cNvSpPr>
          <p:nvPr>
            <p:ph type="tbl" sz="quarter" idx="13" hasCustomPrompt="1"/>
          </p:nvPr>
        </p:nvSpPr>
        <p:spPr>
          <a:xfrm>
            <a:off x="755650" y="1079501"/>
            <a:ext cx="7559675" cy="1152000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Click to insert table</a:t>
            </a:r>
          </a:p>
        </p:txBody>
      </p:sp>
    </p:spTree>
    <p:extLst>
      <p:ext uri="{BB962C8B-B14F-4D97-AF65-F5344CB8AC3E}">
        <p14:creationId xmlns:p14="http://schemas.microsoft.com/office/powerpoint/2010/main" val="23993896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h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5650" y="586800"/>
            <a:ext cx="7563556" cy="516339"/>
          </a:xfrm>
        </p:spPr>
        <p:txBody>
          <a:bodyPr wrap="none"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/>
              <a:t>Example chart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ijdelijke aanduiding voor grafiek 8"/>
          <p:cNvSpPr>
            <a:spLocks noGrp="1"/>
          </p:cNvSpPr>
          <p:nvPr>
            <p:ph type="chart" sz="quarter" idx="13" hasCustomPrompt="1"/>
          </p:nvPr>
        </p:nvSpPr>
        <p:spPr>
          <a:xfrm>
            <a:off x="755650" y="1079500"/>
            <a:ext cx="7559675" cy="3149600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Click to insert chart</a:t>
            </a:r>
          </a:p>
        </p:txBody>
      </p:sp>
    </p:spTree>
    <p:extLst>
      <p:ext uri="{BB962C8B-B14F-4D97-AF65-F5344CB8AC3E}">
        <p14:creationId xmlns:p14="http://schemas.microsoft.com/office/powerpoint/2010/main" val="42023474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Title in the midd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Black75"/>
          <p:cNvSpPr/>
          <p:nvPr userDrawn="1"/>
        </p:nvSpPr>
        <p:spPr>
          <a:xfrm>
            <a:off x="0" y="1836000"/>
            <a:ext cx="9144000" cy="1080000"/>
          </a:xfrm>
          <a:prstGeom prst="rect">
            <a:avLst/>
          </a:prstGeom>
          <a:solidFill>
            <a:schemeClr val="tx1">
              <a:alpha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" y="1835549"/>
            <a:ext cx="9143999" cy="792000"/>
          </a:xfrm>
          <a:solidFill>
            <a:schemeClr val="tx2">
              <a:alpha val="50000"/>
            </a:schemeClr>
          </a:solidFill>
        </p:spPr>
        <p:txBody>
          <a:bodyPr lIns="756000" rIns="1962000" anchor="ctr"/>
          <a:lstStyle>
            <a:lvl1pPr algn="l">
              <a:lnSpc>
                <a:spcPts val="2300"/>
              </a:lnSpc>
              <a:defRPr sz="2200">
                <a:solidFill>
                  <a:schemeClr val="bg1"/>
                </a:solidFill>
              </a:defRPr>
            </a:lvl1pPr>
          </a:lstStyle>
          <a:p>
            <a:r>
              <a:rPr lang="en-GB"/>
              <a:t>Example of a title in the midd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-1" y="2628097"/>
            <a:ext cx="9143999" cy="288000"/>
          </a:xfrm>
          <a:solidFill>
            <a:schemeClr val="tx2">
              <a:alpha val="50000"/>
            </a:schemeClr>
          </a:solidFill>
          <a:ln>
            <a:noFill/>
          </a:ln>
        </p:spPr>
        <p:txBody>
          <a:bodyPr wrap="none" lIns="756000" tIns="18000" rIns="1962000"/>
          <a:lstStyle>
            <a:lvl1pPr marL="0" indent="0" algn="l">
              <a:buNone/>
              <a:defRPr sz="1000" b="1" cap="all" baseline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SUBTITLE OR DATE</a:t>
            </a: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521D38FC-6D70-0146-84E1-32B3F0A2D64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340600" y="4568825"/>
            <a:ext cx="1803400" cy="574675"/>
          </a:xfrm>
          <a:prstGeom prst="rect">
            <a:avLst/>
          </a:prstGeom>
        </p:spPr>
      </p:pic>
      <p:sp>
        <p:nvSpPr>
          <p:cNvPr id="9" name="Tijdelijke aanduiding voor tekst 8"/>
          <p:cNvSpPr>
            <a:spLocks noGrp="1"/>
          </p:cNvSpPr>
          <p:nvPr>
            <p:ph type="body" sz="quarter" idx="13" hasCustomPrompt="1"/>
          </p:nvPr>
        </p:nvSpPr>
        <p:spPr>
          <a:xfrm>
            <a:off x="0" y="3990975"/>
            <a:ext cx="9143999" cy="576263"/>
          </a:xfrm>
          <a:solidFill>
            <a:srgbClr val="000000">
              <a:alpha val="25098"/>
            </a:srgbClr>
          </a:solidFill>
          <a:ln>
            <a:noFill/>
          </a:ln>
        </p:spPr>
        <p:txBody>
          <a:bodyPr lIns="756000" anchor="ctr" anchorCtr="0"/>
          <a:lstStyle>
            <a:lvl1pPr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Name, Function</a:t>
            </a:r>
          </a:p>
        </p:txBody>
      </p:sp>
      <p:sp>
        <p:nvSpPr>
          <p:cNvPr id="11" name="Tijdelijke aanduiding voor tekst 8"/>
          <p:cNvSpPr>
            <a:spLocks noGrp="1"/>
          </p:cNvSpPr>
          <p:nvPr>
            <p:ph type="body" sz="quarter" idx="14" hasCustomPrompt="1"/>
          </p:nvPr>
        </p:nvSpPr>
        <p:spPr>
          <a:xfrm>
            <a:off x="-6667" y="4567237"/>
            <a:ext cx="7347267" cy="576263"/>
          </a:xfrm>
          <a:solidFill>
            <a:srgbClr val="FFFFFF"/>
          </a:solidFill>
          <a:ln>
            <a:noFill/>
          </a:ln>
        </p:spPr>
        <p:txBody>
          <a:bodyPr lIns="756000" anchor="ctr" anchorCtr="0"/>
          <a:lstStyle>
            <a:lvl1pPr>
              <a:defRPr sz="1100" b="0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/>
              <a:t>Department, Sub department or Capacity Group</a:t>
            </a:r>
          </a:p>
        </p:txBody>
      </p:sp>
    </p:spTree>
    <p:extLst>
      <p:ext uri="{BB962C8B-B14F-4D97-AF65-F5344CB8AC3E}">
        <p14:creationId xmlns:p14="http://schemas.microsoft.com/office/powerpoint/2010/main" val="29311055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- Title at the bot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Black75"/>
          <p:cNvSpPr/>
          <p:nvPr userDrawn="1"/>
        </p:nvSpPr>
        <p:spPr>
          <a:xfrm>
            <a:off x="0" y="2916000"/>
            <a:ext cx="9144000" cy="1080000"/>
          </a:xfrm>
          <a:prstGeom prst="rect">
            <a:avLst/>
          </a:prstGeom>
          <a:solidFill>
            <a:schemeClr val="tx1">
              <a:alpha val="2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-1" y="2915049"/>
            <a:ext cx="9143999" cy="792000"/>
          </a:xfrm>
          <a:solidFill>
            <a:schemeClr val="tx2">
              <a:alpha val="50000"/>
            </a:schemeClr>
          </a:solidFill>
        </p:spPr>
        <p:txBody>
          <a:bodyPr lIns="756000" rIns="1962000" anchor="ctr"/>
          <a:lstStyle>
            <a:lvl1pPr algn="l">
              <a:lnSpc>
                <a:spcPts val="2300"/>
              </a:lnSpc>
              <a:defRPr sz="2200">
                <a:solidFill>
                  <a:schemeClr val="bg1"/>
                </a:solidFill>
              </a:defRPr>
            </a:lvl1pPr>
          </a:lstStyle>
          <a:p>
            <a:r>
              <a:rPr lang="en-GB"/>
              <a:t>Example of a title at the bottom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-1" y="3708591"/>
            <a:ext cx="9143999" cy="288000"/>
          </a:xfrm>
          <a:solidFill>
            <a:schemeClr val="tx2">
              <a:alpha val="50000"/>
            </a:schemeClr>
          </a:solidFill>
          <a:ln>
            <a:noFill/>
          </a:ln>
        </p:spPr>
        <p:txBody>
          <a:bodyPr wrap="none" lIns="756000" tIns="18000" rIns="1962000"/>
          <a:lstStyle>
            <a:lvl1pPr marL="0" indent="0" algn="l">
              <a:buNone/>
              <a:defRPr sz="1000" b="1" cap="all" baseline="0">
                <a:solidFill>
                  <a:schemeClr val="bg1"/>
                </a:solidFill>
              </a:defRPr>
            </a:lvl1pPr>
            <a:lvl2pPr marL="342900" indent="0" algn="ctr">
              <a:buNone/>
              <a:defRPr sz="1500"/>
            </a:lvl2pPr>
            <a:lvl3pPr marL="685800" indent="0" algn="ctr">
              <a:buNone/>
              <a:defRPr sz="1350"/>
            </a:lvl3pPr>
            <a:lvl4pPr marL="1028700" indent="0" algn="ctr">
              <a:buNone/>
              <a:defRPr sz="1200"/>
            </a:lvl4pPr>
            <a:lvl5pPr marL="1371600" indent="0" algn="ctr">
              <a:buNone/>
              <a:defRPr sz="1200"/>
            </a:lvl5pPr>
            <a:lvl6pPr marL="1714500" indent="0" algn="ctr">
              <a:buNone/>
              <a:defRPr sz="1200"/>
            </a:lvl6pPr>
            <a:lvl7pPr marL="2057400" indent="0" algn="ctr">
              <a:buNone/>
              <a:defRPr sz="1200"/>
            </a:lvl7pPr>
            <a:lvl8pPr marL="2400300" indent="0" algn="ctr">
              <a:buNone/>
              <a:defRPr sz="1200"/>
            </a:lvl8pPr>
            <a:lvl9pPr marL="2743200" indent="0" algn="ctr">
              <a:buNone/>
              <a:defRPr sz="1200"/>
            </a:lvl9pPr>
          </a:lstStyle>
          <a:p>
            <a:r>
              <a:rPr lang="en-GB"/>
              <a:t>SUBTITLE OR DATE</a:t>
            </a:r>
          </a:p>
        </p:txBody>
      </p:sp>
      <p:pic>
        <p:nvPicPr>
          <p:cNvPr id="7" name="Picture 2">
            <a:extLst>
              <a:ext uri="{FF2B5EF4-FFF2-40B4-BE49-F238E27FC236}">
                <a16:creationId xmlns:a16="http://schemas.microsoft.com/office/drawing/2014/main" id="{521D38FC-6D70-0146-84E1-32B3F0A2D642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7340600" y="4568825"/>
            <a:ext cx="1803400" cy="574675"/>
          </a:xfrm>
          <a:prstGeom prst="rect">
            <a:avLst/>
          </a:prstGeom>
        </p:spPr>
      </p:pic>
      <p:sp>
        <p:nvSpPr>
          <p:cNvPr id="9" name="Tijdelijke aanduiding voor tekst 8"/>
          <p:cNvSpPr>
            <a:spLocks noGrp="1"/>
          </p:cNvSpPr>
          <p:nvPr>
            <p:ph type="body" sz="quarter" idx="13" hasCustomPrompt="1"/>
          </p:nvPr>
        </p:nvSpPr>
        <p:spPr>
          <a:xfrm>
            <a:off x="0" y="3990975"/>
            <a:ext cx="9143999" cy="576263"/>
          </a:xfrm>
          <a:solidFill>
            <a:srgbClr val="000000">
              <a:alpha val="25098"/>
            </a:srgbClr>
          </a:solidFill>
          <a:ln>
            <a:noFill/>
          </a:ln>
        </p:spPr>
        <p:txBody>
          <a:bodyPr lIns="756000" anchor="ctr" anchorCtr="0"/>
          <a:lstStyle>
            <a:lvl1pPr>
              <a:defRPr sz="1100" b="1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Name, Function</a:t>
            </a:r>
          </a:p>
        </p:txBody>
      </p:sp>
      <p:sp>
        <p:nvSpPr>
          <p:cNvPr id="11" name="Tijdelijke aanduiding voor tekst 8"/>
          <p:cNvSpPr>
            <a:spLocks noGrp="1"/>
          </p:cNvSpPr>
          <p:nvPr>
            <p:ph type="body" sz="quarter" idx="14" hasCustomPrompt="1"/>
          </p:nvPr>
        </p:nvSpPr>
        <p:spPr>
          <a:xfrm>
            <a:off x="-6667" y="4567237"/>
            <a:ext cx="7347267" cy="576263"/>
          </a:xfrm>
          <a:solidFill>
            <a:srgbClr val="FFFFFF"/>
          </a:solidFill>
          <a:ln>
            <a:noFill/>
          </a:ln>
        </p:spPr>
        <p:txBody>
          <a:bodyPr lIns="756000" anchor="ctr" anchorCtr="0"/>
          <a:lstStyle>
            <a:lvl1pPr>
              <a:defRPr sz="1100" b="0" baseline="0">
                <a:solidFill>
                  <a:schemeClr val="tx1"/>
                </a:solidFill>
              </a:defRPr>
            </a:lvl1pPr>
          </a:lstStyle>
          <a:p>
            <a:pPr lvl="0"/>
            <a:r>
              <a:rPr lang="en-GB"/>
              <a:t>Department, Sub department or Capacity Group</a:t>
            </a:r>
          </a:p>
        </p:txBody>
      </p:sp>
    </p:spTree>
    <p:extLst>
      <p:ext uri="{BB962C8B-B14F-4D97-AF65-F5344CB8AC3E}">
        <p14:creationId xmlns:p14="http://schemas.microsoft.com/office/powerpoint/2010/main" val="2237497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This is an example of a 27 </a:t>
            </a:r>
            <a:r>
              <a:rPr lang="en-GB" err="1"/>
              <a:t>pt</a:t>
            </a:r>
            <a:r>
              <a:rPr lang="en-GB"/>
              <a:t> headline with 27 </a:t>
            </a:r>
            <a:r>
              <a:rPr lang="en-GB" err="1"/>
              <a:t>pt</a:t>
            </a:r>
            <a:r>
              <a:rPr lang="en-GB"/>
              <a:t>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 baseline="0"/>
            </a:lvl1pPr>
          </a:lstStyle>
          <a:p>
            <a:pPr lvl="0"/>
            <a:r>
              <a:rPr lang="en-GB"/>
              <a:t>Click to enter text</a:t>
            </a:r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9483821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slide -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8825" y="585793"/>
            <a:ext cx="3595688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/>
              <a:t>This is an example of 19,5 </a:t>
            </a:r>
            <a:r>
              <a:rPr lang="en-GB" err="1"/>
              <a:t>pt</a:t>
            </a:r>
            <a:r>
              <a:rPr lang="en-GB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55650" y="1295401"/>
            <a:ext cx="3598863" cy="29337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enter text</a:t>
            </a:r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4" name="Content Placeholder 3"/>
          <p:cNvSpPr>
            <a:spLocks noGrp="1"/>
          </p:cNvSpPr>
          <p:nvPr>
            <p:ph sz="half" idx="2" hasCustomPrompt="1"/>
          </p:nvPr>
        </p:nvSpPr>
        <p:spPr>
          <a:xfrm>
            <a:off x="4723606" y="1296000"/>
            <a:ext cx="3595688" cy="2933101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enter text</a:t>
            </a:r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sp>
        <p:nvSpPr>
          <p:cNvPr id="9" name="Text Placeholder 2"/>
          <p:cNvSpPr>
            <a:spLocks noGrp="1"/>
          </p:cNvSpPr>
          <p:nvPr>
            <p:ph type="body" idx="13" hasCustomPrompt="1"/>
          </p:nvPr>
        </p:nvSpPr>
        <p:spPr>
          <a:xfrm>
            <a:off x="4714875" y="586800"/>
            <a:ext cx="3604419" cy="732238"/>
          </a:xfrm>
        </p:spPr>
        <p:txBody>
          <a:bodyPr anchor="t"/>
          <a:lstStyle>
            <a:lvl1pPr marL="0" indent="0">
              <a:buNone/>
              <a:defRPr lang="nl-NL" sz="1950" b="0" kern="1200" baseline="0" dirty="0" smtClean="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marL="342900" indent="0">
              <a:buNone/>
              <a:defRPr sz="1500" b="1"/>
            </a:lvl2pPr>
            <a:lvl3pPr marL="685800" indent="0">
              <a:buNone/>
              <a:defRPr sz="1350" b="1"/>
            </a:lvl3pPr>
            <a:lvl4pPr marL="1028700" indent="0">
              <a:buNone/>
              <a:defRPr sz="1200" b="1"/>
            </a:lvl4pPr>
            <a:lvl5pPr marL="1371600" indent="0">
              <a:buNone/>
              <a:defRPr sz="1200" b="1"/>
            </a:lvl5pPr>
            <a:lvl6pPr marL="1714500" indent="0">
              <a:buNone/>
              <a:defRPr sz="1200" b="1"/>
            </a:lvl6pPr>
            <a:lvl7pPr marL="2057400" indent="0">
              <a:buNone/>
              <a:defRPr sz="1200" b="1"/>
            </a:lvl7pPr>
            <a:lvl8pPr marL="2400300" indent="0">
              <a:buNone/>
              <a:defRPr sz="1200" b="1"/>
            </a:lvl8pPr>
            <a:lvl9pPr marL="2743200" indent="0">
              <a:buNone/>
              <a:defRPr sz="1200" b="1"/>
            </a:lvl9pPr>
          </a:lstStyle>
          <a:p>
            <a:pPr lvl="0"/>
            <a:r>
              <a:rPr lang="en-GB"/>
              <a:t>Click to enter text</a:t>
            </a:r>
          </a:p>
        </p:txBody>
      </p:sp>
    </p:spTree>
    <p:extLst>
      <p:ext uri="{BB962C8B-B14F-4D97-AF65-F5344CB8AC3E}">
        <p14:creationId xmlns:p14="http://schemas.microsoft.com/office/powerpoint/2010/main" val="168240706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2 text - 1/2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6000" y="586800"/>
            <a:ext cx="3600000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/>
              <a:t>This is an example of 19,5 </a:t>
            </a:r>
            <a:r>
              <a:rPr lang="en-GB" err="1"/>
              <a:t>pt</a:t>
            </a:r>
            <a:r>
              <a:rPr lang="en-GB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55650" y="1295401"/>
            <a:ext cx="3598863" cy="29337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enter text</a:t>
            </a:r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3" hasCustomPrompt="1"/>
          </p:nvPr>
        </p:nvSpPr>
        <p:spPr>
          <a:xfrm>
            <a:off x="4714875" y="0"/>
            <a:ext cx="4429125" cy="4567238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Click to insert image</a:t>
            </a:r>
          </a:p>
        </p:txBody>
      </p:sp>
    </p:spTree>
    <p:extLst>
      <p:ext uri="{BB962C8B-B14F-4D97-AF65-F5344CB8AC3E}">
        <p14:creationId xmlns:p14="http://schemas.microsoft.com/office/powerpoint/2010/main" val="9815436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xt - 1/3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56000" y="586800"/>
            <a:ext cx="4910138" cy="732238"/>
          </a:xfrm>
        </p:spPr>
        <p:txBody>
          <a:bodyPr/>
          <a:lstStyle>
            <a:lvl1pPr>
              <a:lnSpc>
                <a:spcPct val="100000"/>
              </a:lnSpc>
              <a:defRPr sz="1950" b="0" baseline="0"/>
            </a:lvl1pPr>
          </a:lstStyle>
          <a:p>
            <a:r>
              <a:rPr lang="en-GB"/>
              <a:t>This is an example of 19,5 </a:t>
            </a:r>
            <a:r>
              <a:rPr lang="en-GB" err="1"/>
              <a:t>pt</a:t>
            </a:r>
            <a:r>
              <a:rPr lang="en-GB"/>
              <a:t> text with single line spacing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half" idx="1" hasCustomPrompt="1"/>
          </p:nvPr>
        </p:nvSpPr>
        <p:spPr>
          <a:xfrm>
            <a:off x="755650" y="1295401"/>
            <a:ext cx="4913313" cy="29337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/>
              <a:t>Click to enter text</a:t>
            </a:r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3" hasCustomPrompt="1"/>
          </p:nvPr>
        </p:nvSpPr>
        <p:spPr>
          <a:xfrm>
            <a:off x="6046788" y="0"/>
            <a:ext cx="3097212" cy="4567238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Click to insert image</a:t>
            </a:r>
          </a:p>
        </p:txBody>
      </p:sp>
    </p:spTree>
    <p:extLst>
      <p:ext uri="{BB962C8B-B14F-4D97-AF65-F5344CB8AC3E}">
        <p14:creationId xmlns:p14="http://schemas.microsoft.com/office/powerpoint/2010/main" val="32724055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adline + image/movie 16:9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 wrap="none"/>
          <a:lstStyle/>
          <a:p>
            <a:r>
              <a:rPr lang="en-GB"/>
              <a:t>This is an example of a 27 </a:t>
            </a:r>
            <a:r>
              <a:rPr lang="en-GB" err="1"/>
              <a:t>pt</a:t>
            </a:r>
            <a:r>
              <a:rPr lang="en-GB"/>
              <a:t> headline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sp>
        <p:nvSpPr>
          <p:cNvPr id="10" name="Tijdelijke aanduiding voor inhoud 9"/>
          <p:cNvSpPr>
            <a:spLocks noGrp="1" noChangeAspect="1"/>
          </p:cNvSpPr>
          <p:nvPr>
            <p:ph sz="quarter" idx="13" hasCustomPrompt="1"/>
          </p:nvPr>
        </p:nvSpPr>
        <p:spPr>
          <a:xfrm>
            <a:off x="1889125" y="1079501"/>
            <a:ext cx="5292725" cy="2977200"/>
          </a:xfrm>
        </p:spPr>
        <p:txBody>
          <a:bodyPr/>
          <a:lstStyle>
            <a:lvl1pPr>
              <a:defRPr baseline="0"/>
            </a:lvl1pPr>
          </a:lstStyle>
          <a:p>
            <a:pPr lvl="0"/>
            <a:r>
              <a:rPr lang="en-GB"/>
              <a:t>Click icon to insert 16x9 image or movie</a:t>
            </a:r>
          </a:p>
        </p:txBody>
      </p:sp>
      <p:sp>
        <p:nvSpPr>
          <p:cNvPr id="12" name="Tijdelijke aanduiding voor tekst 11"/>
          <p:cNvSpPr>
            <a:spLocks noGrp="1"/>
          </p:cNvSpPr>
          <p:nvPr>
            <p:ph type="body" sz="quarter" idx="14" hasCustomPrompt="1"/>
          </p:nvPr>
        </p:nvSpPr>
        <p:spPr>
          <a:xfrm>
            <a:off x="1889125" y="4106268"/>
            <a:ext cx="5292725" cy="165100"/>
          </a:xfrm>
        </p:spPr>
        <p:txBody>
          <a:bodyPr/>
          <a:lstStyle>
            <a:lvl1pPr>
              <a:defRPr sz="1100" i="1"/>
            </a:lvl1pPr>
          </a:lstStyle>
          <a:p>
            <a:pPr lvl="0"/>
            <a:r>
              <a:rPr lang="en-GB"/>
              <a:t>Click to insert Caption under image or movie</a:t>
            </a:r>
          </a:p>
        </p:txBody>
      </p:sp>
    </p:spTree>
    <p:extLst>
      <p:ext uri="{BB962C8B-B14F-4D97-AF65-F5344CB8AC3E}">
        <p14:creationId xmlns:p14="http://schemas.microsoft.com/office/powerpoint/2010/main" val="19384940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3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US"/>
              <a:t>A 27pt headline on a slide with three images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758824" y="1306642"/>
            <a:ext cx="2084389" cy="636458"/>
          </a:xfrm>
        </p:spPr>
        <p:txBody>
          <a:bodyPr/>
          <a:lstStyle>
            <a:lvl1pPr>
              <a:defRPr sz="1650"/>
            </a:lvl1pPr>
          </a:lstStyle>
          <a:p>
            <a:pPr lvl="0"/>
            <a:r>
              <a:rPr lang="en-GB"/>
              <a:t>Click to enter text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>
          <a:xfrm>
            <a:off x="628650" y="4767263"/>
            <a:ext cx="2057400" cy="273844"/>
          </a:xfrm>
          <a:prstGeom prst="rect">
            <a:avLst/>
          </a:prstGeom>
        </p:spPr>
        <p:txBody>
          <a:bodyPr/>
          <a:lstStyle/>
          <a:p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‹#›</a:t>
            </a:fld>
            <a:endParaRPr lang="en-GB"/>
          </a:p>
        </p:txBody>
      </p:sp>
      <p:sp>
        <p:nvSpPr>
          <p:cNvPr id="7" name="Content Placeholder 2"/>
          <p:cNvSpPr>
            <a:spLocks noGrp="1"/>
          </p:cNvSpPr>
          <p:nvPr>
            <p:ph idx="13" hasCustomPrompt="1"/>
          </p:nvPr>
        </p:nvSpPr>
        <p:spPr>
          <a:xfrm>
            <a:off x="3490913" y="1302661"/>
            <a:ext cx="2084389" cy="636458"/>
          </a:xfrm>
        </p:spPr>
        <p:txBody>
          <a:bodyPr/>
          <a:lstStyle>
            <a:lvl1pPr>
              <a:defRPr sz="1650"/>
            </a:lvl1pPr>
          </a:lstStyle>
          <a:p>
            <a:pPr lvl="0"/>
            <a:r>
              <a:rPr lang="en-GB"/>
              <a:t>Click to enter text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idx="14" hasCustomPrompt="1"/>
          </p:nvPr>
        </p:nvSpPr>
        <p:spPr>
          <a:xfrm>
            <a:off x="6235414" y="1302661"/>
            <a:ext cx="2084389" cy="636458"/>
          </a:xfrm>
        </p:spPr>
        <p:txBody>
          <a:bodyPr/>
          <a:lstStyle>
            <a:lvl1pPr>
              <a:defRPr sz="1650"/>
            </a:lvl1pPr>
          </a:lstStyle>
          <a:p>
            <a:pPr lvl="0"/>
            <a:r>
              <a:rPr lang="en-GB"/>
              <a:t>Click to enter text</a:t>
            </a:r>
          </a:p>
        </p:txBody>
      </p:sp>
      <p:sp>
        <p:nvSpPr>
          <p:cNvPr id="10" name="Tijdelijke aanduiding voor afbeelding 9"/>
          <p:cNvSpPr>
            <a:spLocks noGrp="1"/>
          </p:cNvSpPr>
          <p:nvPr>
            <p:ph type="pic" sz="quarter" idx="15" hasCustomPrompt="1"/>
          </p:nvPr>
        </p:nvSpPr>
        <p:spPr>
          <a:xfrm>
            <a:off x="755650" y="1943101"/>
            <a:ext cx="2087563" cy="2625298"/>
          </a:xfrm>
        </p:spPr>
        <p:txBody>
          <a:bodyPr/>
          <a:lstStyle>
            <a:lvl1pPr>
              <a:defRPr baseline="0"/>
            </a:lvl1pPr>
          </a:lstStyle>
          <a:p>
            <a:r>
              <a:rPr lang="en-GB"/>
              <a:t>Click to insert image</a:t>
            </a:r>
          </a:p>
        </p:txBody>
      </p:sp>
      <p:sp>
        <p:nvSpPr>
          <p:cNvPr id="11" name="Tijdelijke aanduiding voor afbeelding 9"/>
          <p:cNvSpPr>
            <a:spLocks noGrp="1"/>
          </p:cNvSpPr>
          <p:nvPr>
            <p:ph type="pic" sz="quarter" idx="16" hasCustomPrompt="1"/>
          </p:nvPr>
        </p:nvSpPr>
        <p:spPr>
          <a:xfrm>
            <a:off x="3487739" y="1943101"/>
            <a:ext cx="2087563" cy="2625298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insert image</a:t>
            </a:r>
          </a:p>
          <a:p>
            <a:endParaRPr lang="en-GB"/>
          </a:p>
        </p:txBody>
      </p:sp>
      <p:sp>
        <p:nvSpPr>
          <p:cNvPr id="12" name="Tijdelijke aanduiding voor afbeelding 9"/>
          <p:cNvSpPr>
            <a:spLocks noGrp="1"/>
          </p:cNvSpPr>
          <p:nvPr>
            <p:ph type="pic" sz="quarter" idx="17" hasCustomPrompt="1"/>
          </p:nvPr>
        </p:nvSpPr>
        <p:spPr>
          <a:xfrm>
            <a:off x="6235414" y="1943101"/>
            <a:ext cx="2087563" cy="2625298"/>
          </a:xfrm>
        </p:spPr>
        <p:txBody>
          <a:bodyPr/>
          <a:lstStyle>
            <a:lvl1pPr marL="0" marR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lvl1pPr>
          </a:lstStyle>
          <a:p>
            <a:pPr marL="0" marR="0" lvl="0" indent="0" algn="l" defTabSz="6858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Click to insert image</a:t>
            </a:r>
          </a:p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492013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image" Target="../media/image1.png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rgbClr val="EEE8E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2" y="4568400"/>
            <a:ext cx="1114424" cy="572286"/>
          </a:xfrm>
          <a:prstGeom prst="rect">
            <a:avLst/>
          </a:prstGeom>
          <a:solidFill>
            <a:schemeClr val="bg1"/>
          </a:solidFill>
        </p:spPr>
        <p:txBody>
          <a:bodyPr vert="horz" lIns="756000" tIns="0" rIns="0" bIns="0" rtlCol="0" anchor="ctr"/>
          <a:lstStyle>
            <a:lvl1pPr algn="l">
              <a:defRPr sz="1100" b="0">
                <a:solidFill>
                  <a:schemeClr val="tx1"/>
                </a:solidFill>
              </a:defRPr>
            </a:lvl1pPr>
          </a:lstStyle>
          <a:p>
            <a:fld id="{C194BDB0-F4EA-4DD6-8281-CCE2440D0CE0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58825" y="518711"/>
            <a:ext cx="7556500" cy="539038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/>
              <a:t>This is an example of a 27 </a:t>
            </a:r>
            <a:r>
              <a:rPr lang="en-GB" err="1"/>
              <a:t>pt</a:t>
            </a:r>
            <a:r>
              <a:rPr lang="en-GB"/>
              <a:t> headline with 27 </a:t>
            </a:r>
            <a:r>
              <a:rPr lang="en-GB" err="1"/>
              <a:t>pt</a:t>
            </a:r>
            <a:r>
              <a:rPr lang="en-GB"/>
              <a:t> line spacing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758824" y="1306642"/>
            <a:ext cx="7556501" cy="292245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err="1"/>
              <a:t>Klik</a:t>
            </a:r>
            <a:r>
              <a:rPr lang="en-GB"/>
              <a:t> om de </a:t>
            </a:r>
            <a:r>
              <a:rPr lang="en-GB" err="1"/>
              <a:t>modelstijlen</a:t>
            </a:r>
            <a:r>
              <a:rPr lang="en-GB"/>
              <a:t> </a:t>
            </a:r>
            <a:r>
              <a:rPr lang="en-GB" err="1"/>
              <a:t>te</a:t>
            </a:r>
            <a:r>
              <a:rPr lang="en-GB"/>
              <a:t> </a:t>
            </a:r>
            <a:r>
              <a:rPr lang="en-GB" err="1"/>
              <a:t>bewerken</a:t>
            </a:r>
            <a:endParaRPr lang="en-GB"/>
          </a:p>
          <a:p>
            <a:pPr lvl="1"/>
            <a:r>
              <a:rPr lang="en-GB" err="1"/>
              <a:t>Twee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2"/>
            <a:r>
              <a:rPr lang="en-GB" err="1"/>
              <a:t>D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3"/>
            <a:r>
              <a:rPr lang="en-GB" err="1"/>
              <a:t>Vier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  <a:p>
            <a:pPr lvl="4"/>
            <a:r>
              <a:rPr lang="en-GB" err="1"/>
              <a:t>Vijfde</a:t>
            </a:r>
            <a:r>
              <a:rPr lang="en-GB"/>
              <a:t> </a:t>
            </a:r>
            <a:r>
              <a:rPr lang="en-GB" err="1"/>
              <a:t>niveau</a:t>
            </a:r>
            <a:endParaRPr lang="en-GB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>
            <a:off x="1114426" y="4568400"/>
            <a:ext cx="7042149" cy="576000"/>
          </a:xfrm>
          <a:prstGeom prst="rect">
            <a:avLst/>
          </a:prstGeom>
          <a:solidFill>
            <a:schemeClr val="bg1"/>
          </a:solidFill>
        </p:spPr>
        <p:txBody>
          <a:bodyPr vert="horz" lIns="0" tIns="0" rIns="0" bIns="0" rtlCol="0" anchor="ctr"/>
          <a:lstStyle>
            <a:lvl1pPr algn="l">
              <a:defRPr sz="1100" b="0">
                <a:solidFill>
                  <a:schemeClr val="tx1"/>
                </a:solidFill>
              </a:defRPr>
            </a:lvl1pPr>
          </a:lstStyle>
          <a:p>
            <a:r>
              <a:rPr lang="en-GB"/>
              <a:t>SDitH in the QROM</a:t>
            </a:r>
          </a:p>
        </p:txBody>
      </p:sp>
      <p:pic>
        <p:nvPicPr>
          <p:cNvPr id="66" name="Picture 4">
            <a:extLst>
              <a:ext uri="{FF2B5EF4-FFF2-40B4-BE49-F238E27FC236}">
                <a16:creationId xmlns:a16="http://schemas.microsoft.com/office/drawing/2014/main" id="{93FD69BB-9D62-3A4C-8433-C5954D52BB6F}"/>
              </a:ext>
            </a:extLst>
          </p:cNvPr>
          <p:cNvPicPr>
            <a:picLocks noChangeAspect="1"/>
          </p:cNvPicPr>
          <p:nvPr userDrawn="1"/>
        </p:nvPicPr>
        <p:blipFill>
          <a:blip r:embed="rId19"/>
          <a:stretch>
            <a:fillRect/>
          </a:stretch>
        </p:blipFill>
        <p:spPr>
          <a:xfrm>
            <a:off x="8156575" y="4568825"/>
            <a:ext cx="987425" cy="57467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2279190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84" r:id="rId1"/>
    <p:sldLayoutId id="2147483685" r:id="rId2"/>
    <p:sldLayoutId id="2147483661" r:id="rId3"/>
    <p:sldLayoutId id="2147483662" r:id="rId4"/>
    <p:sldLayoutId id="2147483664" r:id="rId5"/>
    <p:sldLayoutId id="2147483672" r:id="rId6"/>
    <p:sldLayoutId id="2147483673" r:id="rId7"/>
    <p:sldLayoutId id="2147483674" r:id="rId8"/>
    <p:sldLayoutId id="2147483675" r:id="rId9"/>
    <p:sldLayoutId id="2147483676" r:id="rId10"/>
    <p:sldLayoutId id="2147483677" r:id="rId11"/>
    <p:sldLayoutId id="2147483678" r:id="rId12"/>
    <p:sldLayoutId id="2147483679" r:id="rId13"/>
    <p:sldLayoutId id="2147483680" r:id="rId14"/>
    <p:sldLayoutId id="2147483681" r:id="rId15"/>
    <p:sldLayoutId id="2147483682" r:id="rId16"/>
    <p:sldLayoutId id="2147483683" r:id="rId17"/>
  </p:sldLayoutIdLst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dt="0"/>
  <p:txStyles>
    <p:titleStyle>
      <a:lvl1pPr algn="l" defTabSz="685800" rtl="0" eaLnBrk="1" latinLnBrk="0" hangingPunct="1">
        <a:lnSpc>
          <a:spcPts val="2700"/>
        </a:lnSpc>
        <a:spcBef>
          <a:spcPct val="0"/>
        </a:spcBef>
        <a:buNone/>
        <a:defRPr sz="27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950" kern="1200">
          <a:solidFill>
            <a:schemeClr val="tx1"/>
          </a:solidFill>
          <a:latin typeface="+mn-lt"/>
          <a:ea typeface="+mn-ea"/>
          <a:cs typeface="+mn-cs"/>
        </a:defRPr>
      </a:lvl1pPr>
      <a:lvl2pPr marL="0" indent="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None/>
        <a:defRPr sz="1650" kern="1200">
          <a:solidFill>
            <a:schemeClr val="tx1"/>
          </a:solidFill>
          <a:latin typeface="+mn-lt"/>
          <a:ea typeface="+mn-ea"/>
          <a:cs typeface="+mn-cs"/>
        </a:defRPr>
      </a:lvl2pPr>
      <a:lvl3pPr marL="180975" indent="-180975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650" kern="1200">
          <a:solidFill>
            <a:schemeClr val="tx1"/>
          </a:solidFill>
          <a:latin typeface="+mn-lt"/>
          <a:ea typeface="+mn-ea"/>
          <a:cs typeface="+mn-cs"/>
        </a:defRPr>
      </a:lvl3pPr>
      <a:lvl4pPr marL="360000" indent="-180975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650" kern="1200">
          <a:solidFill>
            <a:schemeClr val="tx1"/>
          </a:solidFill>
          <a:latin typeface="+mn-lt"/>
          <a:ea typeface="+mn-ea"/>
          <a:cs typeface="+mn-cs"/>
        </a:defRPr>
      </a:lvl4pPr>
      <a:lvl5pPr marL="539750" indent="-177800" algn="l" defTabSz="685800" rtl="0" eaLnBrk="1" latinLnBrk="0" hangingPunct="1">
        <a:lnSpc>
          <a:spcPct val="100000"/>
        </a:lnSpc>
        <a:spcBef>
          <a:spcPts val="0"/>
        </a:spcBef>
        <a:buFont typeface="Arial" panose="020B0604020202020204" pitchFamily="34" charset="0"/>
        <a:buChar char="•"/>
        <a:defRPr sz="1650" kern="1200">
          <a:solidFill>
            <a:schemeClr val="tx1"/>
          </a:solidFill>
          <a:latin typeface="+mn-lt"/>
          <a:ea typeface="+mn-ea"/>
          <a:cs typeface="+mn-cs"/>
        </a:defRPr>
      </a:lvl5pPr>
      <a:lvl6pPr marL="18859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2288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5717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914650" indent="-171450" algn="l" defTabSz="685800" rtl="0" eaLnBrk="1" latinLnBrk="0" hangingPunct="1">
        <a:lnSpc>
          <a:spcPct val="90000"/>
        </a:lnSpc>
        <a:spcBef>
          <a:spcPts val="375"/>
        </a:spcBef>
        <a:buFont typeface="Arial" panose="020B0604020202020204" pitchFamily="34" charset="0"/>
        <a:buChar char="•"/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1pPr>
      <a:lvl2pPr marL="3429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2pPr>
      <a:lvl3pPr marL="6858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3pPr>
      <a:lvl4pPr marL="10287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4pPr>
      <a:lvl5pPr marL="13716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5pPr>
      <a:lvl6pPr marL="17145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6pPr>
      <a:lvl7pPr marL="20574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7pPr>
      <a:lvl8pPr marL="24003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8pPr>
      <a:lvl9pPr marL="2743200" algn="l" defTabSz="685800" rtl="0" eaLnBrk="1" latinLnBrk="0" hangingPunct="1">
        <a:defRPr sz="135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Relationship Id="rId5" Type="http://schemas.openxmlformats.org/officeDocument/2006/relationships/image" Target="../media/image3.jpe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26" Type="http://schemas.openxmlformats.org/officeDocument/2006/relationships/customXml" Target="../ink/ink91.xml"/><Relationship Id="rId21" Type="http://schemas.openxmlformats.org/officeDocument/2006/relationships/image" Target="../media/image59.png"/><Relationship Id="rId42" Type="http://schemas.openxmlformats.org/officeDocument/2006/relationships/customXml" Target="../ink/ink99.xml"/><Relationship Id="rId47" Type="http://schemas.openxmlformats.org/officeDocument/2006/relationships/image" Target="../media/image72.png"/><Relationship Id="rId63" Type="http://schemas.openxmlformats.org/officeDocument/2006/relationships/image" Target="../media/image80.png"/><Relationship Id="rId68" Type="http://schemas.openxmlformats.org/officeDocument/2006/relationships/customXml" Target="../ink/ink112.xml"/><Relationship Id="rId84" Type="http://schemas.openxmlformats.org/officeDocument/2006/relationships/customXml" Target="../ink/ink120.xml"/><Relationship Id="rId89" Type="http://schemas.openxmlformats.org/officeDocument/2006/relationships/image" Target="../media/image93.png"/><Relationship Id="rId16" Type="http://schemas.openxmlformats.org/officeDocument/2006/relationships/customXml" Target="../ink/ink86.xml"/><Relationship Id="rId107" Type="http://schemas.openxmlformats.org/officeDocument/2006/relationships/image" Target="../media/image102.png"/><Relationship Id="rId11" Type="http://schemas.openxmlformats.org/officeDocument/2006/relationships/image" Target="../media/image54.png"/><Relationship Id="rId32" Type="http://schemas.openxmlformats.org/officeDocument/2006/relationships/customXml" Target="../ink/ink94.xml"/><Relationship Id="rId37" Type="http://schemas.openxmlformats.org/officeDocument/2006/relationships/image" Target="../media/image67.png"/><Relationship Id="rId53" Type="http://schemas.openxmlformats.org/officeDocument/2006/relationships/image" Target="../media/image75.png"/><Relationship Id="rId58" Type="http://schemas.openxmlformats.org/officeDocument/2006/relationships/customXml" Target="../ink/ink107.xml"/><Relationship Id="rId74" Type="http://schemas.openxmlformats.org/officeDocument/2006/relationships/customXml" Target="../ink/ink115.xml"/><Relationship Id="rId79" Type="http://schemas.openxmlformats.org/officeDocument/2006/relationships/image" Target="../media/image88.png"/><Relationship Id="rId102" Type="http://schemas.openxmlformats.org/officeDocument/2006/relationships/customXml" Target="../ink/ink129.xml"/><Relationship Id="rId5" Type="http://schemas.openxmlformats.org/officeDocument/2006/relationships/image" Target="../media/image51.png"/><Relationship Id="rId90" Type="http://schemas.openxmlformats.org/officeDocument/2006/relationships/customXml" Target="../ink/ink123.xml"/><Relationship Id="rId95" Type="http://schemas.openxmlformats.org/officeDocument/2006/relationships/image" Target="../media/image96.png"/><Relationship Id="rId22" Type="http://schemas.openxmlformats.org/officeDocument/2006/relationships/customXml" Target="../ink/ink89.xml"/><Relationship Id="rId27" Type="http://schemas.openxmlformats.org/officeDocument/2006/relationships/image" Target="../media/image62.png"/><Relationship Id="rId43" Type="http://schemas.openxmlformats.org/officeDocument/2006/relationships/image" Target="../media/image70.png"/><Relationship Id="rId48" Type="http://schemas.openxmlformats.org/officeDocument/2006/relationships/customXml" Target="../ink/ink102.xml"/><Relationship Id="rId64" Type="http://schemas.openxmlformats.org/officeDocument/2006/relationships/customXml" Target="../ink/ink110.xml"/><Relationship Id="rId69" Type="http://schemas.openxmlformats.org/officeDocument/2006/relationships/image" Target="../media/image83.png"/><Relationship Id="rId80" Type="http://schemas.openxmlformats.org/officeDocument/2006/relationships/customXml" Target="../ink/ink118.xml"/><Relationship Id="rId85" Type="http://schemas.openxmlformats.org/officeDocument/2006/relationships/image" Target="../media/image91.png"/><Relationship Id="rId12" Type="http://schemas.openxmlformats.org/officeDocument/2006/relationships/customXml" Target="../ink/ink84.xml"/><Relationship Id="rId17" Type="http://schemas.openxmlformats.org/officeDocument/2006/relationships/image" Target="../media/image57.png"/><Relationship Id="rId33" Type="http://schemas.openxmlformats.org/officeDocument/2006/relationships/image" Target="../media/image65.png"/><Relationship Id="rId38" Type="http://schemas.openxmlformats.org/officeDocument/2006/relationships/customXml" Target="../ink/ink97.xml"/><Relationship Id="rId59" Type="http://schemas.openxmlformats.org/officeDocument/2006/relationships/image" Target="../media/image78.png"/><Relationship Id="rId103" Type="http://schemas.openxmlformats.org/officeDocument/2006/relationships/image" Target="../media/image100.png"/><Relationship Id="rId108" Type="http://schemas.openxmlformats.org/officeDocument/2006/relationships/customXml" Target="../ink/ink132.xml"/><Relationship Id="rId54" Type="http://schemas.openxmlformats.org/officeDocument/2006/relationships/customXml" Target="../ink/ink105.xml"/><Relationship Id="rId70" Type="http://schemas.openxmlformats.org/officeDocument/2006/relationships/customXml" Target="../ink/ink113.xml"/><Relationship Id="rId75" Type="http://schemas.openxmlformats.org/officeDocument/2006/relationships/image" Target="../media/image86.png"/><Relationship Id="rId91" Type="http://schemas.openxmlformats.org/officeDocument/2006/relationships/image" Target="../media/image94.png"/><Relationship Id="rId96" Type="http://schemas.openxmlformats.org/officeDocument/2006/relationships/customXml" Target="../ink/ink126.xml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81.xml"/><Relationship Id="rId15" Type="http://schemas.openxmlformats.org/officeDocument/2006/relationships/image" Target="../media/image56.png"/><Relationship Id="rId23" Type="http://schemas.openxmlformats.org/officeDocument/2006/relationships/image" Target="../media/image60.png"/><Relationship Id="rId28" Type="http://schemas.openxmlformats.org/officeDocument/2006/relationships/customXml" Target="../ink/ink92.xml"/><Relationship Id="rId36" Type="http://schemas.openxmlformats.org/officeDocument/2006/relationships/customXml" Target="../ink/ink96.xml"/><Relationship Id="rId49" Type="http://schemas.openxmlformats.org/officeDocument/2006/relationships/image" Target="../media/image73.png"/><Relationship Id="rId57" Type="http://schemas.openxmlformats.org/officeDocument/2006/relationships/image" Target="../media/image77.png"/><Relationship Id="rId106" Type="http://schemas.openxmlformats.org/officeDocument/2006/relationships/customXml" Target="../ink/ink131.xml"/><Relationship Id="rId10" Type="http://schemas.openxmlformats.org/officeDocument/2006/relationships/customXml" Target="../ink/ink83.xml"/><Relationship Id="rId31" Type="http://schemas.openxmlformats.org/officeDocument/2006/relationships/image" Target="../media/image64.png"/><Relationship Id="rId44" Type="http://schemas.openxmlformats.org/officeDocument/2006/relationships/customXml" Target="../ink/ink100.xml"/><Relationship Id="rId52" Type="http://schemas.openxmlformats.org/officeDocument/2006/relationships/customXml" Target="../ink/ink104.xml"/><Relationship Id="rId60" Type="http://schemas.openxmlformats.org/officeDocument/2006/relationships/customXml" Target="../ink/ink108.xml"/><Relationship Id="rId65" Type="http://schemas.openxmlformats.org/officeDocument/2006/relationships/image" Target="../media/image81.png"/><Relationship Id="rId73" Type="http://schemas.openxmlformats.org/officeDocument/2006/relationships/image" Target="../media/image85.png"/><Relationship Id="rId78" Type="http://schemas.openxmlformats.org/officeDocument/2006/relationships/customXml" Target="../ink/ink117.xml"/><Relationship Id="rId81" Type="http://schemas.openxmlformats.org/officeDocument/2006/relationships/image" Target="../media/image89.png"/><Relationship Id="rId86" Type="http://schemas.openxmlformats.org/officeDocument/2006/relationships/customXml" Target="../ink/ink121.xml"/><Relationship Id="rId94" Type="http://schemas.openxmlformats.org/officeDocument/2006/relationships/customXml" Target="../ink/ink125.xml"/><Relationship Id="rId99" Type="http://schemas.openxmlformats.org/officeDocument/2006/relationships/image" Target="../media/image98.png"/><Relationship Id="rId101" Type="http://schemas.openxmlformats.org/officeDocument/2006/relationships/image" Target="../media/image99.png"/><Relationship Id="rId4" Type="http://schemas.openxmlformats.org/officeDocument/2006/relationships/customXml" Target="../ink/ink80.xml"/><Relationship Id="rId9" Type="http://schemas.openxmlformats.org/officeDocument/2006/relationships/image" Target="../media/image53.png"/><Relationship Id="rId13" Type="http://schemas.openxmlformats.org/officeDocument/2006/relationships/image" Target="../media/image55.png"/><Relationship Id="rId18" Type="http://schemas.openxmlformats.org/officeDocument/2006/relationships/customXml" Target="../ink/ink87.xml"/><Relationship Id="rId39" Type="http://schemas.openxmlformats.org/officeDocument/2006/relationships/image" Target="../media/image68.png"/><Relationship Id="rId109" Type="http://schemas.openxmlformats.org/officeDocument/2006/relationships/image" Target="../media/image103.png"/><Relationship Id="rId34" Type="http://schemas.openxmlformats.org/officeDocument/2006/relationships/customXml" Target="../ink/ink95.xml"/><Relationship Id="rId50" Type="http://schemas.openxmlformats.org/officeDocument/2006/relationships/customXml" Target="../ink/ink103.xml"/><Relationship Id="rId55" Type="http://schemas.openxmlformats.org/officeDocument/2006/relationships/image" Target="../media/image76.png"/><Relationship Id="rId76" Type="http://schemas.openxmlformats.org/officeDocument/2006/relationships/customXml" Target="../ink/ink116.xml"/><Relationship Id="rId97" Type="http://schemas.openxmlformats.org/officeDocument/2006/relationships/image" Target="../media/image97.png"/><Relationship Id="rId104" Type="http://schemas.openxmlformats.org/officeDocument/2006/relationships/customXml" Target="../ink/ink130.xml"/><Relationship Id="rId7" Type="http://schemas.openxmlformats.org/officeDocument/2006/relationships/image" Target="../media/image52.png"/><Relationship Id="rId71" Type="http://schemas.openxmlformats.org/officeDocument/2006/relationships/image" Target="../media/image84.png"/><Relationship Id="rId92" Type="http://schemas.openxmlformats.org/officeDocument/2006/relationships/customXml" Target="../ink/ink124.xml"/><Relationship Id="rId2" Type="http://schemas.openxmlformats.org/officeDocument/2006/relationships/customXml" Target="../ink/ink79.xml"/><Relationship Id="rId29" Type="http://schemas.openxmlformats.org/officeDocument/2006/relationships/image" Target="../media/image63.png"/><Relationship Id="rId24" Type="http://schemas.openxmlformats.org/officeDocument/2006/relationships/customXml" Target="../ink/ink90.xml"/><Relationship Id="rId40" Type="http://schemas.openxmlformats.org/officeDocument/2006/relationships/customXml" Target="../ink/ink98.xml"/><Relationship Id="rId45" Type="http://schemas.openxmlformats.org/officeDocument/2006/relationships/image" Target="../media/image71.png"/><Relationship Id="rId66" Type="http://schemas.openxmlformats.org/officeDocument/2006/relationships/customXml" Target="../ink/ink111.xml"/><Relationship Id="rId87" Type="http://schemas.openxmlformats.org/officeDocument/2006/relationships/image" Target="../media/image92.png"/><Relationship Id="rId110" Type="http://schemas.openxmlformats.org/officeDocument/2006/relationships/customXml" Target="../ink/ink133.xml"/><Relationship Id="rId61" Type="http://schemas.openxmlformats.org/officeDocument/2006/relationships/image" Target="../media/image79.png"/><Relationship Id="rId82" Type="http://schemas.openxmlformats.org/officeDocument/2006/relationships/customXml" Target="../ink/ink119.xml"/><Relationship Id="rId19" Type="http://schemas.openxmlformats.org/officeDocument/2006/relationships/image" Target="../media/image58.png"/><Relationship Id="rId14" Type="http://schemas.openxmlformats.org/officeDocument/2006/relationships/customXml" Target="../ink/ink85.xml"/><Relationship Id="rId30" Type="http://schemas.openxmlformats.org/officeDocument/2006/relationships/customXml" Target="../ink/ink93.xml"/><Relationship Id="rId35" Type="http://schemas.openxmlformats.org/officeDocument/2006/relationships/image" Target="../media/image66.png"/><Relationship Id="rId56" Type="http://schemas.openxmlformats.org/officeDocument/2006/relationships/customXml" Target="../ink/ink106.xml"/><Relationship Id="rId77" Type="http://schemas.openxmlformats.org/officeDocument/2006/relationships/image" Target="../media/image87.png"/><Relationship Id="rId100" Type="http://schemas.openxmlformats.org/officeDocument/2006/relationships/customXml" Target="../ink/ink128.xml"/><Relationship Id="rId105" Type="http://schemas.openxmlformats.org/officeDocument/2006/relationships/image" Target="../media/image101.png"/><Relationship Id="rId8" Type="http://schemas.openxmlformats.org/officeDocument/2006/relationships/customXml" Target="../ink/ink82.xml"/><Relationship Id="rId51" Type="http://schemas.openxmlformats.org/officeDocument/2006/relationships/image" Target="../media/image74.png"/><Relationship Id="rId72" Type="http://schemas.openxmlformats.org/officeDocument/2006/relationships/customXml" Target="../ink/ink114.xml"/><Relationship Id="rId93" Type="http://schemas.openxmlformats.org/officeDocument/2006/relationships/image" Target="../media/image95.png"/><Relationship Id="rId98" Type="http://schemas.openxmlformats.org/officeDocument/2006/relationships/customXml" Target="../ink/ink127.xml"/><Relationship Id="rId3" Type="http://schemas.openxmlformats.org/officeDocument/2006/relationships/image" Target="../media/image50.png"/><Relationship Id="rId25" Type="http://schemas.openxmlformats.org/officeDocument/2006/relationships/image" Target="../media/image61.png"/><Relationship Id="rId46" Type="http://schemas.openxmlformats.org/officeDocument/2006/relationships/customXml" Target="../ink/ink101.xml"/><Relationship Id="rId67" Type="http://schemas.openxmlformats.org/officeDocument/2006/relationships/image" Target="../media/image82.png"/><Relationship Id="rId20" Type="http://schemas.openxmlformats.org/officeDocument/2006/relationships/customXml" Target="../ink/ink88.xml"/><Relationship Id="rId41" Type="http://schemas.openxmlformats.org/officeDocument/2006/relationships/image" Target="../media/image69.png"/><Relationship Id="rId62" Type="http://schemas.openxmlformats.org/officeDocument/2006/relationships/customXml" Target="../ink/ink109.xml"/><Relationship Id="rId83" Type="http://schemas.openxmlformats.org/officeDocument/2006/relationships/image" Target="../media/image90.png"/><Relationship Id="rId88" Type="http://schemas.openxmlformats.org/officeDocument/2006/relationships/customXml" Target="../ink/ink122.xml"/><Relationship Id="rId111" Type="http://schemas.openxmlformats.org/officeDocument/2006/relationships/image" Target="../media/image104.pn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customXml" Target="../ink/ink137.xml"/><Relationship Id="rId13" Type="http://schemas.openxmlformats.org/officeDocument/2006/relationships/image" Target="../media/image110.png"/><Relationship Id="rId3" Type="http://schemas.openxmlformats.org/officeDocument/2006/relationships/image" Target="../media/image105.png"/><Relationship Id="rId7" Type="http://schemas.openxmlformats.org/officeDocument/2006/relationships/image" Target="../media/image107.png"/><Relationship Id="rId12" Type="http://schemas.openxmlformats.org/officeDocument/2006/relationships/customXml" Target="../ink/ink139.xml"/><Relationship Id="rId17" Type="http://schemas.openxmlformats.org/officeDocument/2006/relationships/image" Target="../media/image112.png"/><Relationship Id="rId2" Type="http://schemas.openxmlformats.org/officeDocument/2006/relationships/customXml" Target="../ink/ink134.xml"/><Relationship Id="rId16" Type="http://schemas.openxmlformats.org/officeDocument/2006/relationships/customXml" Target="../ink/ink141.xml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136.xml"/><Relationship Id="rId11" Type="http://schemas.openxmlformats.org/officeDocument/2006/relationships/image" Target="../media/image109.png"/><Relationship Id="rId5" Type="http://schemas.openxmlformats.org/officeDocument/2006/relationships/image" Target="../media/image106.png"/><Relationship Id="rId15" Type="http://schemas.openxmlformats.org/officeDocument/2006/relationships/image" Target="../media/image111.png"/><Relationship Id="rId10" Type="http://schemas.openxmlformats.org/officeDocument/2006/relationships/customXml" Target="../ink/ink138.xml"/><Relationship Id="rId4" Type="http://schemas.openxmlformats.org/officeDocument/2006/relationships/customXml" Target="../ink/ink135.xml"/><Relationship Id="rId9" Type="http://schemas.openxmlformats.org/officeDocument/2006/relationships/image" Target="../media/image108.png"/><Relationship Id="rId14" Type="http://schemas.openxmlformats.org/officeDocument/2006/relationships/customXml" Target="../ink/ink140.xml"/></Relationships>
</file>

<file path=ppt/slides/_rels/slide12.xml.rels><?xml version="1.0" encoding="UTF-8" standalone="yes"?>
<Relationships xmlns="http://schemas.openxmlformats.org/package/2006/relationships"><Relationship Id="rId13" Type="http://schemas.openxmlformats.org/officeDocument/2006/relationships/image" Target="../media/image118.png"/><Relationship Id="rId18" Type="http://schemas.openxmlformats.org/officeDocument/2006/relationships/customXml" Target="../ink/ink150.xml"/><Relationship Id="rId26" Type="http://schemas.openxmlformats.org/officeDocument/2006/relationships/customXml" Target="../ink/ink154.xml"/><Relationship Id="rId39" Type="http://schemas.openxmlformats.org/officeDocument/2006/relationships/image" Target="../media/image131.png"/><Relationship Id="rId21" Type="http://schemas.openxmlformats.org/officeDocument/2006/relationships/image" Target="../media/image122.png"/><Relationship Id="rId34" Type="http://schemas.openxmlformats.org/officeDocument/2006/relationships/customXml" Target="../ink/ink158.xml"/><Relationship Id="rId7" Type="http://schemas.openxmlformats.org/officeDocument/2006/relationships/image" Target="../media/image115.png"/><Relationship Id="rId12" Type="http://schemas.openxmlformats.org/officeDocument/2006/relationships/customXml" Target="../ink/ink147.xml"/><Relationship Id="rId17" Type="http://schemas.openxmlformats.org/officeDocument/2006/relationships/image" Target="../media/image120.png"/><Relationship Id="rId25" Type="http://schemas.openxmlformats.org/officeDocument/2006/relationships/image" Target="../media/image124.png"/><Relationship Id="rId33" Type="http://schemas.openxmlformats.org/officeDocument/2006/relationships/image" Target="../media/image128.png"/><Relationship Id="rId38" Type="http://schemas.openxmlformats.org/officeDocument/2006/relationships/customXml" Target="../ink/ink160.xml"/><Relationship Id="rId2" Type="http://schemas.openxmlformats.org/officeDocument/2006/relationships/customXml" Target="../ink/ink142.xml"/><Relationship Id="rId16" Type="http://schemas.openxmlformats.org/officeDocument/2006/relationships/customXml" Target="../ink/ink149.xml"/><Relationship Id="rId20" Type="http://schemas.openxmlformats.org/officeDocument/2006/relationships/customXml" Target="../ink/ink151.xml"/><Relationship Id="rId29" Type="http://schemas.openxmlformats.org/officeDocument/2006/relationships/image" Target="../media/image126.png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144.xml"/><Relationship Id="rId11" Type="http://schemas.openxmlformats.org/officeDocument/2006/relationships/image" Target="../media/image117.png"/><Relationship Id="rId24" Type="http://schemas.openxmlformats.org/officeDocument/2006/relationships/customXml" Target="../ink/ink153.xml"/><Relationship Id="rId32" Type="http://schemas.openxmlformats.org/officeDocument/2006/relationships/customXml" Target="../ink/ink157.xml"/><Relationship Id="rId37" Type="http://schemas.openxmlformats.org/officeDocument/2006/relationships/image" Target="../media/image130.png"/><Relationship Id="rId5" Type="http://schemas.openxmlformats.org/officeDocument/2006/relationships/image" Target="../media/image114.png"/><Relationship Id="rId15" Type="http://schemas.openxmlformats.org/officeDocument/2006/relationships/image" Target="../media/image119.png"/><Relationship Id="rId23" Type="http://schemas.openxmlformats.org/officeDocument/2006/relationships/image" Target="../media/image123.png"/><Relationship Id="rId28" Type="http://schemas.openxmlformats.org/officeDocument/2006/relationships/customXml" Target="../ink/ink155.xml"/><Relationship Id="rId36" Type="http://schemas.openxmlformats.org/officeDocument/2006/relationships/customXml" Target="../ink/ink159.xml"/><Relationship Id="rId10" Type="http://schemas.openxmlformats.org/officeDocument/2006/relationships/customXml" Target="../ink/ink146.xml"/><Relationship Id="rId19" Type="http://schemas.openxmlformats.org/officeDocument/2006/relationships/image" Target="../media/image121.png"/><Relationship Id="rId31" Type="http://schemas.openxmlformats.org/officeDocument/2006/relationships/image" Target="../media/image127.png"/><Relationship Id="rId4" Type="http://schemas.openxmlformats.org/officeDocument/2006/relationships/customXml" Target="../ink/ink143.xml"/><Relationship Id="rId9" Type="http://schemas.openxmlformats.org/officeDocument/2006/relationships/image" Target="../media/image116.png"/><Relationship Id="rId14" Type="http://schemas.openxmlformats.org/officeDocument/2006/relationships/customXml" Target="../ink/ink148.xml"/><Relationship Id="rId22" Type="http://schemas.openxmlformats.org/officeDocument/2006/relationships/customXml" Target="../ink/ink152.xml"/><Relationship Id="rId27" Type="http://schemas.openxmlformats.org/officeDocument/2006/relationships/image" Target="../media/image125.png"/><Relationship Id="rId30" Type="http://schemas.openxmlformats.org/officeDocument/2006/relationships/customXml" Target="../ink/ink156.xml"/><Relationship Id="rId35" Type="http://schemas.openxmlformats.org/officeDocument/2006/relationships/image" Target="../media/image129.png"/><Relationship Id="rId8" Type="http://schemas.openxmlformats.org/officeDocument/2006/relationships/customXml" Target="../ink/ink145.xml"/><Relationship Id="rId3" Type="http://schemas.openxmlformats.org/officeDocument/2006/relationships/image" Target="../media/image113.png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2.png"/><Relationship Id="rId1" Type="http://schemas.openxmlformats.org/officeDocument/2006/relationships/slideLayout" Target="../slideLayouts/slideLayout4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2.png"/><Relationship Id="rId1" Type="http://schemas.openxmlformats.org/officeDocument/2006/relationships/slideLayout" Target="../slideLayouts/slideLayout4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2.png"/><Relationship Id="rId1" Type="http://schemas.openxmlformats.org/officeDocument/2006/relationships/slideLayout" Target="../slideLayouts/slideLayout4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3.png"/><Relationship Id="rId2" Type="http://schemas.openxmlformats.org/officeDocument/2006/relationships/customXml" Target="../ink/ink161.xml"/><Relationship Id="rId1" Type="http://schemas.openxmlformats.org/officeDocument/2006/relationships/slideLayout" Target="../slideLayouts/slideLayout4.xml"/><Relationship Id="rId5" Type="http://schemas.openxmlformats.org/officeDocument/2006/relationships/image" Target="../media/image134.png"/><Relationship Id="rId4" Type="http://schemas.openxmlformats.org/officeDocument/2006/relationships/customXml" Target="../ink/ink162.xml"/></Relationships>
</file>

<file path=ppt/slides/_rels/slide18.xml.rels><?xml version="1.0" encoding="UTF-8" standalone="yes"?>
<Relationships xmlns="http://schemas.openxmlformats.org/package/2006/relationships"><Relationship Id="rId117" Type="http://schemas.openxmlformats.org/officeDocument/2006/relationships/customXml" Target="../ink/ink222.xml"/><Relationship Id="rId21" Type="http://schemas.openxmlformats.org/officeDocument/2006/relationships/customXml" Target="../ink/ink173.xml"/><Relationship Id="rId42" Type="http://schemas.openxmlformats.org/officeDocument/2006/relationships/image" Target="../media/image48.png"/><Relationship Id="rId63" Type="http://schemas.openxmlformats.org/officeDocument/2006/relationships/customXml" Target="../ink/ink195.xml"/><Relationship Id="rId84" Type="http://schemas.openxmlformats.org/officeDocument/2006/relationships/image" Target="../media/image154.png"/><Relationship Id="rId138" Type="http://schemas.openxmlformats.org/officeDocument/2006/relationships/image" Target="../media/image181.png"/><Relationship Id="rId107" Type="http://schemas.openxmlformats.org/officeDocument/2006/relationships/customXml" Target="../ink/ink217.xml"/><Relationship Id="rId11" Type="http://schemas.openxmlformats.org/officeDocument/2006/relationships/image" Target="../media/image25.png"/><Relationship Id="rId32" Type="http://schemas.openxmlformats.org/officeDocument/2006/relationships/image" Target="../media/image36.png"/><Relationship Id="rId53" Type="http://schemas.openxmlformats.org/officeDocument/2006/relationships/customXml" Target="../ink/ink190.xml"/><Relationship Id="rId74" Type="http://schemas.openxmlformats.org/officeDocument/2006/relationships/image" Target="../media/image149.png"/><Relationship Id="rId128" Type="http://schemas.openxmlformats.org/officeDocument/2006/relationships/image" Target="../media/image176.png"/><Relationship Id="rId5" Type="http://schemas.openxmlformats.org/officeDocument/2006/relationships/image" Target="../media/image14.png"/><Relationship Id="rId90" Type="http://schemas.openxmlformats.org/officeDocument/2006/relationships/image" Target="../media/image157.png"/><Relationship Id="rId95" Type="http://schemas.openxmlformats.org/officeDocument/2006/relationships/customXml" Target="../ink/ink211.xml"/><Relationship Id="rId22" Type="http://schemas.openxmlformats.org/officeDocument/2006/relationships/customXml" Target="../ink/ink174.xml"/><Relationship Id="rId27" Type="http://schemas.openxmlformats.org/officeDocument/2006/relationships/customXml" Target="../ink/ink177.xml"/><Relationship Id="rId43" Type="http://schemas.openxmlformats.org/officeDocument/2006/relationships/customXml" Target="../ink/ink185.xml"/><Relationship Id="rId48" Type="http://schemas.openxmlformats.org/officeDocument/2006/relationships/image" Target="../media/image136.png"/><Relationship Id="rId64" Type="http://schemas.openxmlformats.org/officeDocument/2006/relationships/image" Target="../media/image144.png"/><Relationship Id="rId69" Type="http://schemas.openxmlformats.org/officeDocument/2006/relationships/customXml" Target="../ink/ink198.xml"/><Relationship Id="rId113" Type="http://schemas.openxmlformats.org/officeDocument/2006/relationships/customXml" Target="../ink/ink220.xml"/><Relationship Id="rId118" Type="http://schemas.openxmlformats.org/officeDocument/2006/relationships/image" Target="../media/image171.png"/><Relationship Id="rId134" Type="http://schemas.openxmlformats.org/officeDocument/2006/relationships/image" Target="../media/image179.png"/><Relationship Id="rId139" Type="http://schemas.openxmlformats.org/officeDocument/2006/relationships/customXml" Target="../ink/ink233.xml"/><Relationship Id="rId80" Type="http://schemas.openxmlformats.org/officeDocument/2006/relationships/image" Target="../media/image152.png"/><Relationship Id="rId85" Type="http://schemas.openxmlformats.org/officeDocument/2006/relationships/customXml" Target="../ink/ink206.xml"/><Relationship Id="rId12" Type="http://schemas.openxmlformats.org/officeDocument/2006/relationships/customXml" Target="../ink/ink168.xml"/><Relationship Id="rId17" Type="http://schemas.openxmlformats.org/officeDocument/2006/relationships/image" Target="../media/image31.png"/><Relationship Id="rId33" Type="http://schemas.openxmlformats.org/officeDocument/2006/relationships/customXml" Target="../ink/ink180.xml"/><Relationship Id="rId38" Type="http://schemas.openxmlformats.org/officeDocument/2006/relationships/image" Target="../media/image39.png"/><Relationship Id="rId59" Type="http://schemas.openxmlformats.org/officeDocument/2006/relationships/customXml" Target="../ink/ink193.xml"/><Relationship Id="rId103" Type="http://schemas.openxmlformats.org/officeDocument/2006/relationships/customXml" Target="../ink/ink215.xml"/><Relationship Id="rId108" Type="http://schemas.openxmlformats.org/officeDocument/2006/relationships/image" Target="../media/image166.png"/><Relationship Id="rId124" Type="http://schemas.openxmlformats.org/officeDocument/2006/relationships/image" Target="../media/image174.png"/><Relationship Id="rId129" Type="http://schemas.openxmlformats.org/officeDocument/2006/relationships/customXml" Target="../ink/ink228.xml"/><Relationship Id="rId54" Type="http://schemas.openxmlformats.org/officeDocument/2006/relationships/image" Target="../media/image139.png"/><Relationship Id="rId70" Type="http://schemas.openxmlformats.org/officeDocument/2006/relationships/image" Target="../media/image147.png"/><Relationship Id="rId75" Type="http://schemas.openxmlformats.org/officeDocument/2006/relationships/customXml" Target="../ink/ink201.xml"/><Relationship Id="rId91" Type="http://schemas.openxmlformats.org/officeDocument/2006/relationships/customXml" Target="../ink/ink209.xml"/><Relationship Id="rId96" Type="http://schemas.openxmlformats.org/officeDocument/2006/relationships/image" Target="../media/image160.png"/><Relationship Id="rId140" Type="http://schemas.openxmlformats.org/officeDocument/2006/relationships/image" Target="../media/image182.png"/><Relationship Id="rId145" Type="http://schemas.openxmlformats.org/officeDocument/2006/relationships/customXml" Target="../ink/ink236.xml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165.xml"/><Relationship Id="rId23" Type="http://schemas.openxmlformats.org/officeDocument/2006/relationships/customXml" Target="../ink/ink175.xml"/><Relationship Id="rId28" Type="http://schemas.openxmlformats.org/officeDocument/2006/relationships/image" Target="../media/image34.png"/><Relationship Id="rId49" Type="http://schemas.openxmlformats.org/officeDocument/2006/relationships/customXml" Target="../ink/ink188.xml"/><Relationship Id="rId114" Type="http://schemas.openxmlformats.org/officeDocument/2006/relationships/image" Target="../media/image169.png"/><Relationship Id="rId119" Type="http://schemas.openxmlformats.org/officeDocument/2006/relationships/customXml" Target="../ink/ink223.xml"/><Relationship Id="rId44" Type="http://schemas.openxmlformats.org/officeDocument/2006/relationships/image" Target="../media/image49.png"/><Relationship Id="rId60" Type="http://schemas.openxmlformats.org/officeDocument/2006/relationships/image" Target="../media/image142.png"/><Relationship Id="rId65" Type="http://schemas.openxmlformats.org/officeDocument/2006/relationships/customXml" Target="../ink/ink196.xml"/><Relationship Id="rId81" Type="http://schemas.openxmlformats.org/officeDocument/2006/relationships/customXml" Target="../ink/ink204.xml"/><Relationship Id="rId86" Type="http://schemas.openxmlformats.org/officeDocument/2006/relationships/image" Target="../media/image155.png"/><Relationship Id="rId130" Type="http://schemas.openxmlformats.org/officeDocument/2006/relationships/image" Target="../media/image177.png"/><Relationship Id="rId135" Type="http://schemas.openxmlformats.org/officeDocument/2006/relationships/customXml" Target="../ink/ink231.xml"/><Relationship Id="rId13" Type="http://schemas.openxmlformats.org/officeDocument/2006/relationships/image" Target="../media/image26.png"/><Relationship Id="rId18" Type="http://schemas.openxmlformats.org/officeDocument/2006/relationships/customXml" Target="../ink/ink171.xml"/><Relationship Id="rId39" Type="http://schemas.openxmlformats.org/officeDocument/2006/relationships/customXml" Target="../ink/ink183.xml"/><Relationship Id="rId109" Type="http://schemas.openxmlformats.org/officeDocument/2006/relationships/customXml" Target="../ink/ink218.xml"/><Relationship Id="rId34" Type="http://schemas.openxmlformats.org/officeDocument/2006/relationships/image" Target="../media/image37.png"/><Relationship Id="rId50" Type="http://schemas.openxmlformats.org/officeDocument/2006/relationships/image" Target="../media/image137.png"/><Relationship Id="rId55" Type="http://schemas.openxmlformats.org/officeDocument/2006/relationships/customXml" Target="../ink/ink191.xml"/><Relationship Id="rId76" Type="http://schemas.openxmlformats.org/officeDocument/2006/relationships/image" Target="../media/image150.png"/><Relationship Id="rId97" Type="http://schemas.openxmlformats.org/officeDocument/2006/relationships/customXml" Target="../ink/ink212.xml"/><Relationship Id="rId104" Type="http://schemas.openxmlformats.org/officeDocument/2006/relationships/image" Target="../media/image164.png"/><Relationship Id="rId120" Type="http://schemas.openxmlformats.org/officeDocument/2006/relationships/image" Target="../media/image172.png"/><Relationship Id="rId125" Type="http://schemas.openxmlformats.org/officeDocument/2006/relationships/customXml" Target="../ink/ink226.xml"/><Relationship Id="rId141" Type="http://schemas.openxmlformats.org/officeDocument/2006/relationships/customXml" Target="../ink/ink234.xml"/><Relationship Id="rId146" Type="http://schemas.openxmlformats.org/officeDocument/2006/relationships/image" Target="../media/image185.png"/><Relationship Id="rId7" Type="http://schemas.openxmlformats.org/officeDocument/2006/relationships/image" Target="../media/image15.png"/><Relationship Id="rId71" Type="http://schemas.openxmlformats.org/officeDocument/2006/relationships/customXml" Target="../ink/ink199.xml"/><Relationship Id="rId92" Type="http://schemas.openxmlformats.org/officeDocument/2006/relationships/image" Target="../media/image158.png"/><Relationship Id="rId2" Type="http://schemas.openxmlformats.org/officeDocument/2006/relationships/customXml" Target="../ink/ink163.xml"/><Relationship Id="rId29" Type="http://schemas.openxmlformats.org/officeDocument/2006/relationships/customXml" Target="../ink/ink178.xml"/><Relationship Id="rId24" Type="http://schemas.openxmlformats.org/officeDocument/2006/relationships/image" Target="../media/image32.png"/><Relationship Id="rId40" Type="http://schemas.openxmlformats.org/officeDocument/2006/relationships/image" Target="../media/image47.png"/><Relationship Id="rId45" Type="http://schemas.openxmlformats.org/officeDocument/2006/relationships/customXml" Target="../ink/ink186.xml"/><Relationship Id="rId66" Type="http://schemas.openxmlformats.org/officeDocument/2006/relationships/image" Target="../media/image145.png"/><Relationship Id="rId87" Type="http://schemas.openxmlformats.org/officeDocument/2006/relationships/customXml" Target="../ink/ink207.xml"/><Relationship Id="rId110" Type="http://schemas.openxmlformats.org/officeDocument/2006/relationships/image" Target="../media/image167.png"/><Relationship Id="rId115" Type="http://schemas.openxmlformats.org/officeDocument/2006/relationships/customXml" Target="../ink/ink221.xml"/><Relationship Id="rId131" Type="http://schemas.openxmlformats.org/officeDocument/2006/relationships/customXml" Target="../ink/ink229.xml"/><Relationship Id="rId136" Type="http://schemas.openxmlformats.org/officeDocument/2006/relationships/image" Target="../media/image180.png"/><Relationship Id="rId61" Type="http://schemas.openxmlformats.org/officeDocument/2006/relationships/customXml" Target="../ink/ink194.xml"/><Relationship Id="rId82" Type="http://schemas.openxmlformats.org/officeDocument/2006/relationships/image" Target="../media/image153.png"/><Relationship Id="rId19" Type="http://schemas.openxmlformats.org/officeDocument/2006/relationships/image" Target="../media/image29.png"/><Relationship Id="rId14" Type="http://schemas.openxmlformats.org/officeDocument/2006/relationships/customXml" Target="../ink/ink169.xml"/><Relationship Id="rId30" Type="http://schemas.openxmlformats.org/officeDocument/2006/relationships/image" Target="../media/image35.png"/><Relationship Id="rId35" Type="http://schemas.openxmlformats.org/officeDocument/2006/relationships/customXml" Target="../ink/ink181.xml"/><Relationship Id="rId56" Type="http://schemas.openxmlformats.org/officeDocument/2006/relationships/image" Target="../media/image140.png"/><Relationship Id="rId77" Type="http://schemas.openxmlformats.org/officeDocument/2006/relationships/customXml" Target="../ink/ink202.xml"/><Relationship Id="rId100" Type="http://schemas.openxmlformats.org/officeDocument/2006/relationships/image" Target="../media/image162.png"/><Relationship Id="rId105" Type="http://schemas.openxmlformats.org/officeDocument/2006/relationships/customXml" Target="../ink/ink216.xml"/><Relationship Id="rId126" Type="http://schemas.openxmlformats.org/officeDocument/2006/relationships/image" Target="../media/image175.png"/><Relationship Id="rId147" Type="http://schemas.openxmlformats.org/officeDocument/2006/relationships/customXml" Target="../ink/ink237.xml"/><Relationship Id="rId8" Type="http://schemas.openxmlformats.org/officeDocument/2006/relationships/customXml" Target="../ink/ink166.xml"/><Relationship Id="rId51" Type="http://schemas.openxmlformats.org/officeDocument/2006/relationships/customXml" Target="../ink/ink189.xml"/><Relationship Id="rId72" Type="http://schemas.openxmlformats.org/officeDocument/2006/relationships/image" Target="../media/image148.png"/><Relationship Id="rId93" Type="http://schemas.openxmlformats.org/officeDocument/2006/relationships/customXml" Target="../ink/ink210.xml"/><Relationship Id="rId98" Type="http://schemas.openxmlformats.org/officeDocument/2006/relationships/image" Target="../media/image161.png"/><Relationship Id="rId121" Type="http://schemas.openxmlformats.org/officeDocument/2006/relationships/customXml" Target="../ink/ink224.xml"/><Relationship Id="rId142" Type="http://schemas.openxmlformats.org/officeDocument/2006/relationships/image" Target="../media/image183.png"/><Relationship Id="rId3" Type="http://schemas.openxmlformats.org/officeDocument/2006/relationships/image" Target="../media/image13.png"/><Relationship Id="rId25" Type="http://schemas.openxmlformats.org/officeDocument/2006/relationships/customXml" Target="../ink/ink176.xml"/><Relationship Id="rId46" Type="http://schemas.openxmlformats.org/officeDocument/2006/relationships/image" Target="../media/image135.png"/><Relationship Id="rId67" Type="http://schemas.openxmlformats.org/officeDocument/2006/relationships/customXml" Target="../ink/ink197.xml"/><Relationship Id="rId116" Type="http://schemas.openxmlformats.org/officeDocument/2006/relationships/image" Target="../media/image170.png"/><Relationship Id="rId137" Type="http://schemas.openxmlformats.org/officeDocument/2006/relationships/customXml" Target="../ink/ink232.xml"/><Relationship Id="rId20" Type="http://schemas.openxmlformats.org/officeDocument/2006/relationships/customXml" Target="../ink/ink172.xml"/><Relationship Id="rId41" Type="http://schemas.openxmlformats.org/officeDocument/2006/relationships/customXml" Target="../ink/ink184.xml"/><Relationship Id="rId62" Type="http://schemas.openxmlformats.org/officeDocument/2006/relationships/image" Target="../media/image143.png"/><Relationship Id="rId83" Type="http://schemas.openxmlformats.org/officeDocument/2006/relationships/customXml" Target="../ink/ink205.xml"/><Relationship Id="rId88" Type="http://schemas.openxmlformats.org/officeDocument/2006/relationships/image" Target="../media/image156.png"/><Relationship Id="rId111" Type="http://schemas.openxmlformats.org/officeDocument/2006/relationships/customXml" Target="../ink/ink219.xml"/><Relationship Id="rId132" Type="http://schemas.openxmlformats.org/officeDocument/2006/relationships/image" Target="../media/image178.png"/><Relationship Id="rId15" Type="http://schemas.openxmlformats.org/officeDocument/2006/relationships/image" Target="../media/image27.png"/><Relationship Id="rId36" Type="http://schemas.openxmlformats.org/officeDocument/2006/relationships/image" Target="../media/image38.png"/><Relationship Id="rId57" Type="http://schemas.openxmlformats.org/officeDocument/2006/relationships/customXml" Target="../ink/ink192.xml"/><Relationship Id="rId106" Type="http://schemas.openxmlformats.org/officeDocument/2006/relationships/image" Target="../media/image165.png"/><Relationship Id="rId127" Type="http://schemas.openxmlformats.org/officeDocument/2006/relationships/customXml" Target="../ink/ink227.xml"/><Relationship Id="rId10" Type="http://schemas.openxmlformats.org/officeDocument/2006/relationships/customXml" Target="../ink/ink167.xml"/><Relationship Id="rId31" Type="http://schemas.openxmlformats.org/officeDocument/2006/relationships/customXml" Target="../ink/ink179.xml"/><Relationship Id="rId52" Type="http://schemas.openxmlformats.org/officeDocument/2006/relationships/image" Target="../media/image138.png"/><Relationship Id="rId73" Type="http://schemas.openxmlformats.org/officeDocument/2006/relationships/customXml" Target="../ink/ink200.xml"/><Relationship Id="rId78" Type="http://schemas.openxmlformats.org/officeDocument/2006/relationships/image" Target="../media/image151.png"/><Relationship Id="rId94" Type="http://schemas.openxmlformats.org/officeDocument/2006/relationships/image" Target="../media/image159.png"/><Relationship Id="rId99" Type="http://schemas.openxmlformats.org/officeDocument/2006/relationships/customXml" Target="../ink/ink213.xml"/><Relationship Id="rId101" Type="http://schemas.openxmlformats.org/officeDocument/2006/relationships/customXml" Target="../ink/ink214.xml"/><Relationship Id="rId122" Type="http://schemas.openxmlformats.org/officeDocument/2006/relationships/image" Target="../media/image173.png"/><Relationship Id="rId143" Type="http://schemas.openxmlformats.org/officeDocument/2006/relationships/customXml" Target="../ink/ink235.xml"/><Relationship Id="rId148" Type="http://schemas.openxmlformats.org/officeDocument/2006/relationships/image" Target="../media/image186.png"/><Relationship Id="rId4" Type="http://schemas.openxmlformats.org/officeDocument/2006/relationships/customXml" Target="../ink/ink164.xml"/><Relationship Id="rId9" Type="http://schemas.openxmlformats.org/officeDocument/2006/relationships/image" Target="../media/image24.png"/><Relationship Id="rId26" Type="http://schemas.openxmlformats.org/officeDocument/2006/relationships/image" Target="../media/image33.png"/><Relationship Id="rId47" Type="http://schemas.openxmlformats.org/officeDocument/2006/relationships/customXml" Target="../ink/ink187.xml"/><Relationship Id="rId68" Type="http://schemas.openxmlformats.org/officeDocument/2006/relationships/image" Target="../media/image146.png"/><Relationship Id="rId89" Type="http://schemas.openxmlformats.org/officeDocument/2006/relationships/customXml" Target="../ink/ink208.xml"/><Relationship Id="rId112" Type="http://schemas.openxmlformats.org/officeDocument/2006/relationships/image" Target="../media/image168.png"/><Relationship Id="rId133" Type="http://schemas.openxmlformats.org/officeDocument/2006/relationships/customXml" Target="../ink/ink230.xml"/><Relationship Id="rId16" Type="http://schemas.openxmlformats.org/officeDocument/2006/relationships/customXml" Target="../ink/ink170.xml"/><Relationship Id="rId37" Type="http://schemas.openxmlformats.org/officeDocument/2006/relationships/customXml" Target="../ink/ink182.xml"/><Relationship Id="rId58" Type="http://schemas.openxmlformats.org/officeDocument/2006/relationships/image" Target="../media/image141.png"/><Relationship Id="rId79" Type="http://schemas.openxmlformats.org/officeDocument/2006/relationships/customXml" Target="../ink/ink203.xml"/><Relationship Id="rId102" Type="http://schemas.openxmlformats.org/officeDocument/2006/relationships/image" Target="../media/image163.png"/><Relationship Id="rId123" Type="http://schemas.openxmlformats.org/officeDocument/2006/relationships/customXml" Target="../ink/ink225.xml"/><Relationship Id="rId144" Type="http://schemas.openxmlformats.org/officeDocument/2006/relationships/image" Target="../media/image184.png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7.png"/><Relationship Id="rId1" Type="http://schemas.openxmlformats.org/officeDocument/2006/relationships/slideLayout" Target="../slideLayouts/slideLayout4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7.jpeg"/><Relationship Id="rId3" Type="http://schemas.openxmlformats.org/officeDocument/2006/relationships/slideLayout" Target="../slideLayouts/slideLayout4.xml"/><Relationship Id="rId7" Type="http://schemas.openxmlformats.org/officeDocument/2006/relationships/image" Target="../media/image6.jpeg"/><Relationship Id="rId12" Type="http://schemas.openxmlformats.org/officeDocument/2006/relationships/image" Target="../media/image11.pn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6" Type="http://schemas.openxmlformats.org/officeDocument/2006/relationships/image" Target="../media/image5.jpeg"/><Relationship Id="rId11" Type="http://schemas.openxmlformats.org/officeDocument/2006/relationships/image" Target="../media/image10.jpeg"/><Relationship Id="rId5" Type="http://schemas.openxmlformats.org/officeDocument/2006/relationships/image" Target="../media/image4.jpeg"/><Relationship Id="rId10" Type="http://schemas.openxmlformats.org/officeDocument/2006/relationships/image" Target="../media/image9.jpeg"/><Relationship Id="rId4" Type="http://schemas.openxmlformats.org/officeDocument/2006/relationships/notesSlide" Target="../notesSlides/notesSlide2.xml"/><Relationship Id="rId9" Type="http://schemas.openxmlformats.org/officeDocument/2006/relationships/image" Target="../media/image8.jpeg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8.png"/><Relationship Id="rId1" Type="http://schemas.openxmlformats.org/officeDocument/2006/relationships/slideLayout" Target="../slideLayouts/slideLayout4.xml"/></Relationships>
</file>

<file path=ppt/slides/_rels/slide2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9.png"/><Relationship Id="rId1" Type="http://schemas.openxmlformats.org/officeDocument/2006/relationships/slideLayout" Target="../slideLayouts/slideLayout4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customXml" Target="../ink/ink238.xml"/><Relationship Id="rId2" Type="http://schemas.openxmlformats.org/officeDocument/2006/relationships/image" Target="../media/image189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191.png"/><Relationship Id="rId5" Type="http://schemas.openxmlformats.org/officeDocument/2006/relationships/customXml" Target="../ink/ink239.xml"/><Relationship Id="rId4" Type="http://schemas.openxmlformats.org/officeDocument/2006/relationships/image" Target="../media/image190.png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4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1.jpeg"/><Relationship Id="rId7" Type="http://schemas.openxmlformats.org/officeDocument/2006/relationships/image" Target="../media/image195.png"/><Relationship Id="rId2" Type="http://schemas.openxmlformats.org/officeDocument/2006/relationships/image" Target="../media/image190.jpeg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241.xml"/><Relationship Id="rId5" Type="http://schemas.openxmlformats.org/officeDocument/2006/relationships/image" Target="../media/image194.png"/><Relationship Id="rId4" Type="http://schemas.openxmlformats.org/officeDocument/2006/relationships/customXml" Target="../ink/ink240.xml"/></Relationships>
</file>

<file path=ppt/slides/_rels/slide31.xml.rels><?xml version="1.0" encoding="UTF-8" standalone="yes"?>
<Relationships xmlns="http://schemas.openxmlformats.org/package/2006/relationships"><Relationship Id="rId8" Type="http://schemas.openxmlformats.org/officeDocument/2006/relationships/customXml" Target="../ink/ink244.xml"/><Relationship Id="rId3" Type="http://schemas.openxmlformats.org/officeDocument/2006/relationships/image" Target="../media/image191.jpeg"/><Relationship Id="rId7" Type="http://schemas.openxmlformats.org/officeDocument/2006/relationships/image" Target="../media/image197.png"/><Relationship Id="rId2" Type="http://schemas.openxmlformats.org/officeDocument/2006/relationships/image" Target="../media/image190.jpeg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243.xml"/><Relationship Id="rId11" Type="http://schemas.openxmlformats.org/officeDocument/2006/relationships/image" Target="../media/image199.png"/><Relationship Id="rId5" Type="http://schemas.openxmlformats.org/officeDocument/2006/relationships/image" Target="../media/image196.png"/><Relationship Id="rId10" Type="http://schemas.openxmlformats.org/officeDocument/2006/relationships/customXml" Target="../ink/ink245.xml"/><Relationship Id="rId4" Type="http://schemas.openxmlformats.org/officeDocument/2006/relationships/customXml" Target="../ink/ink242.xml"/><Relationship Id="rId9" Type="http://schemas.openxmlformats.org/officeDocument/2006/relationships/image" Target="../media/image198.png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4.xml.rels><?xml version="1.0" encoding="UTF-8" standalone="yes"?>
<Relationships xmlns="http://schemas.openxmlformats.org/package/2006/relationships"><Relationship Id="rId8" Type="http://schemas.openxmlformats.org/officeDocument/2006/relationships/image" Target="../media/image203.png"/><Relationship Id="rId13" Type="http://schemas.openxmlformats.org/officeDocument/2006/relationships/customXml" Target="../ink/ink251.xml"/><Relationship Id="rId18" Type="http://schemas.openxmlformats.org/officeDocument/2006/relationships/image" Target="../media/image208.png"/><Relationship Id="rId3" Type="http://schemas.openxmlformats.org/officeDocument/2006/relationships/customXml" Target="../ink/ink246.xml"/><Relationship Id="rId21" Type="http://schemas.openxmlformats.org/officeDocument/2006/relationships/customXml" Target="../ink/ink255.xml"/><Relationship Id="rId7" Type="http://schemas.openxmlformats.org/officeDocument/2006/relationships/customXml" Target="../ink/ink248.xml"/><Relationship Id="rId12" Type="http://schemas.openxmlformats.org/officeDocument/2006/relationships/image" Target="../media/image205.png"/><Relationship Id="rId17" Type="http://schemas.openxmlformats.org/officeDocument/2006/relationships/customXml" Target="../ink/ink253.xml"/><Relationship Id="rId2" Type="http://schemas.openxmlformats.org/officeDocument/2006/relationships/image" Target="../media/image192.png"/><Relationship Id="rId16" Type="http://schemas.openxmlformats.org/officeDocument/2006/relationships/image" Target="../media/image207.png"/><Relationship Id="rId20" Type="http://schemas.openxmlformats.org/officeDocument/2006/relationships/image" Target="../media/image209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02.png"/><Relationship Id="rId11" Type="http://schemas.openxmlformats.org/officeDocument/2006/relationships/customXml" Target="../ink/ink250.xml"/><Relationship Id="rId24" Type="http://schemas.openxmlformats.org/officeDocument/2006/relationships/image" Target="../media/image211.png"/><Relationship Id="rId5" Type="http://schemas.openxmlformats.org/officeDocument/2006/relationships/customXml" Target="../ink/ink247.xml"/><Relationship Id="rId15" Type="http://schemas.openxmlformats.org/officeDocument/2006/relationships/customXml" Target="../ink/ink252.xml"/><Relationship Id="rId23" Type="http://schemas.openxmlformats.org/officeDocument/2006/relationships/customXml" Target="../ink/ink256.xml"/><Relationship Id="rId10" Type="http://schemas.openxmlformats.org/officeDocument/2006/relationships/image" Target="../media/image204.png"/><Relationship Id="rId19" Type="http://schemas.openxmlformats.org/officeDocument/2006/relationships/customXml" Target="../ink/ink254.xml"/><Relationship Id="rId4" Type="http://schemas.openxmlformats.org/officeDocument/2006/relationships/image" Target="../media/image201.png"/><Relationship Id="rId9" Type="http://schemas.openxmlformats.org/officeDocument/2006/relationships/customXml" Target="../ink/ink249.xml"/><Relationship Id="rId14" Type="http://schemas.openxmlformats.org/officeDocument/2006/relationships/image" Target="../media/image206.png"/><Relationship Id="rId22" Type="http://schemas.openxmlformats.org/officeDocument/2006/relationships/image" Target="../media/image210.png"/></Relationships>
</file>

<file path=ppt/slides/_rels/slide35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5.png"/><Relationship Id="rId3" Type="http://schemas.openxmlformats.org/officeDocument/2006/relationships/customXml" Target="../ink/ink257.xml"/><Relationship Id="rId7" Type="http://schemas.openxmlformats.org/officeDocument/2006/relationships/customXml" Target="../ink/ink259.xml"/><Relationship Id="rId12" Type="http://schemas.openxmlformats.org/officeDocument/2006/relationships/image" Target="../media/image217.png"/><Relationship Id="rId2" Type="http://schemas.openxmlformats.org/officeDocument/2006/relationships/image" Target="../media/image193.png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14.png"/><Relationship Id="rId11" Type="http://schemas.openxmlformats.org/officeDocument/2006/relationships/customXml" Target="../ink/ink261.xml"/><Relationship Id="rId5" Type="http://schemas.openxmlformats.org/officeDocument/2006/relationships/customXml" Target="../ink/ink258.xml"/><Relationship Id="rId10" Type="http://schemas.openxmlformats.org/officeDocument/2006/relationships/image" Target="../media/image216.png"/><Relationship Id="rId4" Type="http://schemas.openxmlformats.org/officeDocument/2006/relationships/image" Target="../media/image213.png"/><Relationship Id="rId9" Type="http://schemas.openxmlformats.org/officeDocument/2006/relationships/customXml" Target="../ink/ink260.xml"/></Relationships>
</file>

<file path=ppt/slides/_rels/slide36.xml.rels><?xml version="1.0" encoding="UTF-8" standalone="yes"?>
<Relationships xmlns="http://schemas.openxmlformats.org/package/2006/relationships"><Relationship Id="rId13" Type="http://schemas.openxmlformats.org/officeDocument/2006/relationships/customXml" Target="../ink/ink267.xml"/><Relationship Id="rId18" Type="http://schemas.openxmlformats.org/officeDocument/2006/relationships/image" Target="../media/image220.png"/><Relationship Id="rId26" Type="http://schemas.openxmlformats.org/officeDocument/2006/relationships/image" Target="../media/image224.png"/><Relationship Id="rId39" Type="http://schemas.openxmlformats.org/officeDocument/2006/relationships/customXml" Target="../ink/ink280.xml"/><Relationship Id="rId21" Type="http://schemas.openxmlformats.org/officeDocument/2006/relationships/customXml" Target="../ink/ink271.xml"/><Relationship Id="rId34" Type="http://schemas.openxmlformats.org/officeDocument/2006/relationships/image" Target="../media/image228.png"/><Relationship Id="rId42" Type="http://schemas.openxmlformats.org/officeDocument/2006/relationships/image" Target="../media/image232.png"/><Relationship Id="rId47" Type="http://schemas.openxmlformats.org/officeDocument/2006/relationships/customXml" Target="../ink/ink284.xml"/><Relationship Id="rId50" Type="http://schemas.openxmlformats.org/officeDocument/2006/relationships/image" Target="../media/image236.png"/><Relationship Id="rId7" Type="http://schemas.openxmlformats.org/officeDocument/2006/relationships/customXml" Target="../ink/ink264.xml"/><Relationship Id="rId2" Type="http://schemas.openxmlformats.org/officeDocument/2006/relationships/image" Target="../media/image193.png"/><Relationship Id="rId16" Type="http://schemas.openxmlformats.org/officeDocument/2006/relationships/image" Target="../media/image219.png"/><Relationship Id="rId29" Type="http://schemas.openxmlformats.org/officeDocument/2006/relationships/customXml" Target="../ink/ink275.xml"/><Relationship Id="rId11" Type="http://schemas.openxmlformats.org/officeDocument/2006/relationships/customXml" Target="../ink/ink266.xml"/><Relationship Id="rId24" Type="http://schemas.openxmlformats.org/officeDocument/2006/relationships/image" Target="../media/image223.png"/><Relationship Id="rId32" Type="http://schemas.openxmlformats.org/officeDocument/2006/relationships/image" Target="../media/image227.png"/><Relationship Id="rId37" Type="http://schemas.openxmlformats.org/officeDocument/2006/relationships/customXml" Target="../ink/ink279.xml"/><Relationship Id="rId40" Type="http://schemas.openxmlformats.org/officeDocument/2006/relationships/image" Target="../media/image231.png"/><Relationship Id="rId45" Type="http://schemas.openxmlformats.org/officeDocument/2006/relationships/customXml" Target="../ink/ink283.xml"/><Relationship Id="rId5" Type="http://schemas.openxmlformats.org/officeDocument/2006/relationships/customXml" Target="../ink/ink263.xml"/><Relationship Id="rId15" Type="http://schemas.openxmlformats.org/officeDocument/2006/relationships/customXml" Target="../ink/ink268.xml"/><Relationship Id="rId23" Type="http://schemas.openxmlformats.org/officeDocument/2006/relationships/customXml" Target="../ink/ink272.xml"/><Relationship Id="rId28" Type="http://schemas.openxmlformats.org/officeDocument/2006/relationships/image" Target="../media/image225.png"/><Relationship Id="rId36" Type="http://schemas.openxmlformats.org/officeDocument/2006/relationships/image" Target="../media/image229.png"/><Relationship Id="rId49" Type="http://schemas.openxmlformats.org/officeDocument/2006/relationships/customXml" Target="../ink/ink285.xml"/><Relationship Id="rId10" Type="http://schemas.openxmlformats.org/officeDocument/2006/relationships/image" Target="../media/image216.png"/><Relationship Id="rId19" Type="http://schemas.openxmlformats.org/officeDocument/2006/relationships/customXml" Target="../ink/ink270.xml"/><Relationship Id="rId31" Type="http://schemas.openxmlformats.org/officeDocument/2006/relationships/customXml" Target="../ink/ink276.xml"/><Relationship Id="rId44" Type="http://schemas.openxmlformats.org/officeDocument/2006/relationships/image" Target="../media/image233.png"/><Relationship Id="rId52" Type="http://schemas.openxmlformats.org/officeDocument/2006/relationships/image" Target="../media/image237.png"/><Relationship Id="rId4" Type="http://schemas.openxmlformats.org/officeDocument/2006/relationships/image" Target="../media/image213.png"/><Relationship Id="rId9" Type="http://schemas.openxmlformats.org/officeDocument/2006/relationships/customXml" Target="../ink/ink265.xml"/><Relationship Id="rId14" Type="http://schemas.openxmlformats.org/officeDocument/2006/relationships/image" Target="../media/image218.png"/><Relationship Id="rId22" Type="http://schemas.openxmlformats.org/officeDocument/2006/relationships/image" Target="../media/image222.png"/><Relationship Id="rId27" Type="http://schemas.openxmlformats.org/officeDocument/2006/relationships/customXml" Target="../ink/ink274.xml"/><Relationship Id="rId30" Type="http://schemas.openxmlformats.org/officeDocument/2006/relationships/image" Target="../media/image226.png"/><Relationship Id="rId35" Type="http://schemas.openxmlformats.org/officeDocument/2006/relationships/customXml" Target="../ink/ink278.xml"/><Relationship Id="rId43" Type="http://schemas.openxmlformats.org/officeDocument/2006/relationships/customXml" Target="../ink/ink282.xml"/><Relationship Id="rId48" Type="http://schemas.openxmlformats.org/officeDocument/2006/relationships/image" Target="../media/image235.png"/><Relationship Id="rId8" Type="http://schemas.openxmlformats.org/officeDocument/2006/relationships/image" Target="../media/image215.png"/><Relationship Id="rId51" Type="http://schemas.openxmlformats.org/officeDocument/2006/relationships/customXml" Target="../ink/ink286.xml"/><Relationship Id="rId3" Type="http://schemas.openxmlformats.org/officeDocument/2006/relationships/customXml" Target="../ink/ink262.xml"/><Relationship Id="rId12" Type="http://schemas.openxmlformats.org/officeDocument/2006/relationships/image" Target="../media/image217.png"/><Relationship Id="rId17" Type="http://schemas.openxmlformats.org/officeDocument/2006/relationships/customXml" Target="../ink/ink269.xml"/><Relationship Id="rId25" Type="http://schemas.openxmlformats.org/officeDocument/2006/relationships/customXml" Target="../ink/ink273.xml"/><Relationship Id="rId33" Type="http://schemas.openxmlformats.org/officeDocument/2006/relationships/customXml" Target="../ink/ink277.xml"/><Relationship Id="rId38" Type="http://schemas.openxmlformats.org/officeDocument/2006/relationships/image" Target="../media/image230.png"/><Relationship Id="rId46" Type="http://schemas.openxmlformats.org/officeDocument/2006/relationships/image" Target="../media/image234.png"/><Relationship Id="rId20" Type="http://schemas.openxmlformats.org/officeDocument/2006/relationships/image" Target="../media/image221.png"/><Relationship Id="rId41" Type="http://schemas.openxmlformats.org/officeDocument/2006/relationships/customXml" Target="../ink/ink281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14.png"/></Relationships>
</file>

<file path=ppt/slides/_rels/slide3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0.png"/><Relationship Id="rId1" Type="http://schemas.openxmlformats.org/officeDocument/2006/relationships/slideLayout" Target="../slideLayouts/slideLayout4.xml"/></Relationships>
</file>

<file path=ppt/slides/_rels/slide3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3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4.xml.rels><?xml version="1.0" encoding="UTF-8" standalone="yes"?>
<Relationships xmlns="http://schemas.openxmlformats.org/package/2006/relationships"><Relationship Id="rId13" Type="http://schemas.openxmlformats.org/officeDocument/2006/relationships/image" Target="../media/image18.png"/><Relationship Id="rId18" Type="http://schemas.openxmlformats.org/officeDocument/2006/relationships/customXml" Target="../ink/ink9.xml"/><Relationship Id="rId26" Type="http://schemas.openxmlformats.org/officeDocument/2006/relationships/customXml" Target="../ink/ink13.xml"/><Relationship Id="rId3" Type="http://schemas.openxmlformats.org/officeDocument/2006/relationships/image" Target="../media/image13.png"/><Relationship Id="rId21" Type="http://schemas.openxmlformats.org/officeDocument/2006/relationships/image" Target="../media/image22.png"/><Relationship Id="rId34" Type="http://schemas.openxmlformats.org/officeDocument/2006/relationships/customXml" Target="../ink/ink17.xml"/><Relationship Id="rId7" Type="http://schemas.openxmlformats.org/officeDocument/2006/relationships/image" Target="../media/image15.png"/><Relationship Id="rId12" Type="http://schemas.openxmlformats.org/officeDocument/2006/relationships/customXml" Target="../ink/ink6.xml"/><Relationship Id="rId17" Type="http://schemas.openxmlformats.org/officeDocument/2006/relationships/image" Target="../media/image20.png"/><Relationship Id="rId25" Type="http://schemas.openxmlformats.org/officeDocument/2006/relationships/image" Target="../media/image24.png"/><Relationship Id="rId33" Type="http://schemas.openxmlformats.org/officeDocument/2006/relationships/image" Target="../media/image28.png"/><Relationship Id="rId2" Type="http://schemas.openxmlformats.org/officeDocument/2006/relationships/customXml" Target="../ink/ink1.xml"/><Relationship Id="rId16" Type="http://schemas.openxmlformats.org/officeDocument/2006/relationships/customXml" Target="../ink/ink8.xml"/><Relationship Id="rId20" Type="http://schemas.openxmlformats.org/officeDocument/2006/relationships/customXml" Target="../ink/ink10.xml"/><Relationship Id="rId29" Type="http://schemas.openxmlformats.org/officeDocument/2006/relationships/image" Target="../media/image26.png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3.xml"/><Relationship Id="rId11" Type="http://schemas.openxmlformats.org/officeDocument/2006/relationships/image" Target="../media/image17.png"/><Relationship Id="rId24" Type="http://schemas.openxmlformats.org/officeDocument/2006/relationships/customXml" Target="../ink/ink12.xml"/><Relationship Id="rId32" Type="http://schemas.openxmlformats.org/officeDocument/2006/relationships/customXml" Target="../ink/ink16.xml"/><Relationship Id="rId5" Type="http://schemas.openxmlformats.org/officeDocument/2006/relationships/image" Target="../media/image14.png"/><Relationship Id="rId15" Type="http://schemas.openxmlformats.org/officeDocument/2006/relationships/image" Target="../media/image19.png"/><Relationship Id="rId23" Type="http://schemas.openxmlformats.org/officeDocument/2006/relationships/image" Target="../media/image23.png"/><Relationship Id="rId28" Type="http://schemas.openxmlformats.org/officeDocument/2006/relationships/customXml" Target="../ink/ink14.xml"/><Relationship Id="rId10" Type="http://schemas.openxmlformats.org/officeDocument/2006/relationships/customXml" Target="../ink/ink5.xml"/><Relationship Id="rId19" Type="http://schemas.openxmlformats.org/officeDocument/2006/relationships/image" Target="../media/image21.png"/><Relationship Id="rId31" Type="http://schemas.openxmlformats.org/officeDocument/2006/relationships/image" Target="../media/image27.png"/><Relationship Id="rId4" Type="http://schemas.openxmlformats.org/officeDocument/2006/relationships/customXml" Target="../ink/ink2.xml"/><Relationship Id="rId9" Type="http://schemas.openxmlformats.org/officeDocument/2006/relationships/image" Target="../media/image16.png"/><Relationship Id="rId14" Type="http://schemas.openxmlformats.org/officeDocument/2006/relationships/customXml" Target="../ink/ink7.xml"/><Relationship Id="rId22" Type="http://schemas.openxmlformats.org/officeDocument/2006/relationships/customXml" Target="../ink/ink11.xml"/><Relationship Id="rId27" Type="http://schemas.openxmlformats.org/officeDocument/2006/relationships/image" Target="../media/image25.png"/><Relationship Id="rId30" Type="http://schemas.openxmlformats.org/officeDocument/2006/relationships/customXml" Target="../ink/ink15.xml"/><Relationship Id="rId35" Type="http://schemas.openxmlformats.org/officeDocument/2006/relationships/image" Target="../media/image29.png"/><Relationship Id="rId8" Type="http://schemas.openxmlformats.org/officeDocument/2006/relationships/customXml" Target="../ink/ink4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customXml" Target="../ink/ink287.xml"/><Relationship Id="rId2" Type="http://schemas.openxmlformats.org/officeDocument/2006/relationships/image" Target="../media/image193.png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239.png"/></Relationships>
</file>

<file path=ppt/slides/_rels/slide5.xml.rels><?xml version="1.0" encoding="UTF-8" standalone="yes"?>
<Relationships xmlns="http://schemas.openxmlformats.org/package/2006/relationships"><Relationship Id="rId26" Type="http://schemas.openxmlformats.org/officeDocument/2006/relationships/customXml" Target="../ink/ink30.xml"/><Relationship Id="rId21" Type="http://schemas.openxmlformats.org/officeDocument/2006/relationships/image" Target="../media/image22.png"/><Relationship Id="rId42" Type="http://schemas.openxmlformats.org/officeDocument/2006/relationships/image" Target="../media/image23.png"/><Relationship Id="rId47" Type="http://schemas.openxmlformats.org/officeDocument/2006/relationships/image" Target="../media/image32.png"/><Relationship Id="rId63" Type="http://schemas.openxmlformats.org/officeDocument/2006/relationships/image" Target="../media/image40.png"/><Relationship Id="rId68" Type="http://schemas.openxmlformats.org/officeDocument/2006/relationships/customXml" Target="../ink/ink55.xml"/><Relationship Id="rId16" Type="http://schemas.openxmlformats.org/officeDocument/2006/relationships/customXml" Target="../ink/ink25.xml"/><Relationship Id="rId11" Type="http://schemas.openxmlformats.org/officeDocument/2006/relationships/image" Target="../media/image17.png"/><Relationship Id="rId32" Type="http://schemas.openxmlformats.org/officeDocument/2006/relationships/customXml" Target="../ink/ink33.xml"/><Relationship Id="rId37" Type="http://schemas.openxmlformats.org/officeDocument/2006/relationships/customXml" Target="../ink/ink36.xml"/><Relationship Id="rId53" Type="http://schemas.openxmlformats.org/officeDocument/2006/relationships/image" Target="../media/image35.png"/><Relationship Id="rId58" Type="http://schemas.openxmlformats.org/officeDocument/2006/relationships/customXml" Target="../ink/ink50.xml"/><Relationship Id="rId74" Type="http://schemas.openxmlformats.org/officeDocument/2006/relationships/customXml" Target="../ink/ink58.xml"/><Relationship Id="rId79" Type="http://schemas.openxmlformats.org/officeDocument/2006/relationships/image" Target="../media/image48.png"/><Relationship Id="rId5" Type="http://schemas.openxmlformats.org/officeDocument/2006/relationships/image" Target="../media/image14.png"/><Relationship Id="rId61" Type="http://schemas.openxmlformats.org/officeDocument/2006/relationships/image" Target="../media/image39.png"/><Relationship Id="rId19" Type="http://schemas.openxmlformats.org/officeDocument/2006/relationships/image" Target="../media/image21.png"/><Relationship Id="rId14" Type="http://schemas.openxmlformats.org/officeDocument/2006/relationships/customXml" Target="../ink/ink24.xml"/><Relationship Id="rId22" Type="http://schemas.openxmlformats.org/officeDocument/2006/relationships/customXml" Target="../ink/ink28.xml"/><Relationship Id="rId27" Type="http://schemas.openxmlformats.org/officeDocument/2006/relationships/image" Target="../media/image25.png"/><Relationship Id="rId30" Type="http://schemas.openxmlformats.org/officeDocument/2006/relationships/customXml" Target="../ink/ink32.xml"/><Relationship Id="rId35" Type="http://schemas.openxmlformats.org/officeDocument/2006/relationships/image" Target="../media/image29.png"/><Relationship Id="rId43" Type="http://schemas.openxmlformats.org/officeDocument/2006/relationships/customXml" Target="../ink/ink41.xml"/><Relationship Id="rId48" Type="http://schemas.openxmlformats.org/officeDocument/2006/relationships/customXml" Target="../ink/ink45.xml"/><Relationship Id="rId56" Type="http://schemas.openxmlformats.org/officeDocument/2006/relationships/customXml" Target="../ink/ink49.xml"/><Relationship Id="rId64" Type="http://schemas.openxmlformats.org/officeDocument/2006/relationships/customXml" Target="../ink/ink53.xml"/><Relationship Id="rId69" Type="http://schemas.openxmlformats.org/officeDocument/2006/relationships/image" Target="../media/image43.png"/><Relationship Id="rId77" Type="http://schemas.openxmlformats.org/officeDocument/2006/relationships/image" Target="../media/image47.png"/><Relationship Id="rId8" Type="http://schemas.openxmlformats.org/officeDocument/2006/relationships/customXml" Target="../ink/ink21.xml"/><Relationship Id="rId51" Type="http://schemas.openxmlformats.org/officeDocument/2006/relationships/image" Target="../media/image34.png"/><Relationship Id="rId72" Type="http://schemas.openxmlformats.org/officeDocument/2006/relationships/customXml" Target="../ink/ink57.xml"/><Relationship Id="rId80" Type="http://schemas.openxmlformats.org/officeDocument/2006/relationships/customXml" Target="../ink/ink61.xml"/><Relationship Id="rId3" Type="http://schemas.openxmlformats.org/officeDocument/2006/relationships/image" Target="../media/image13.png"/><Relationship Id="rId12" Type="http://schemas.openxmlformats.org/officeDocument/2006/relationships/customXml" Target="../ink/ink23.xml"/><Relationship Id="rId17" Type="http://schemas.openxmlformats.org/officeDocument/2006/relationships/image" Target="../media/image20.png"/><Relationship Id="rId25" Type="http://schemas.openxmlformats.org/officeDocument/2006/relationships/image" Target="../media/image24.png"/><Relationship Id="rId33" Type="http://schemas.openxmlformats.org/officeDocument/2006/relationships/image" Target="../media/image31.png"/><Relationship Id="rId38" Type="http://schemas.openxmlformats.org/officeDocument/2006/relationships/customXml" Target="../ink/ink37.xml"/><Relationship Id="rId46" Type="http://schemas.openxmlformats.org/officeDocument/2006/relationships/customXml" Target="../ink/ink44.xml"/><Relationship Id="rId59" Type="http://schemas.openxmlformats.org/officeDocument/2006/relationships/image" Target="../media/image38.png"/><Relationship Id="rId67" Type="http://schemas.openxmlformats.org/officeDocument/2006/relationships/image" Target="../media/image42.png"/><Relationship Id="rId20" Type="http://schemas.openxmlformats.org/officeDocument/2006/relationships/customXml" Target="../ink/ink27.xml"/><Relationship Id="rId41" Type="http://schemas.openxmlformats.org/officeDocument/2006/relationships/customXml" Target="../ink/ink40.xml"/><Relationship Id="rId54" Type="http://schemas.openxmlformats.org/officeDocument/2006/relationships/customXml" Target="../ink/ink48.xml"/><Relationship Id="rId62" Type="http://schemas.openxmlformats.org/officeDocument/2006/relationships/customXml" Target="../ink/ink52.xml"/><Relationship Id="rId70" Type="http://schemas.openxmlformats.org/officeDocument/2006/relationships/customXml" Target="../ink/ink56.xml"/><Relationship Id="rId75" Type="http://schemas.openxmlformats.org/officeDocument/2006/relationships/image" Target="../media/image46.png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20.xml"/><Relationship Id="rId15" Type="http://schemas.openxmlformats.org/officeDocument/2006/relationships/image" Target="../media/image19.png"/><Relationship Id="rId23" Type="http://schemas.openxmlformats.org/officeDocument/2006/relationships/image" Target="../media/image30.png"/><Relationship Id="rId28" Type="http://schemas.openxmlformats.org/officeDocument/2006/relationships/customXml" Target="../ink/ink31.xml"/><Relationship Id="rId36" Type="http://schemas.openxmlformats.org/officeDocument/2006/relationships/customXml" Target="../ink/ink35.xml"/><Relationship Id="rId49" Type="http://schemas.openxmlformats.org/officeDocument/2006/relationships/image" Target="../media/image33.png"/><Relationship Id="rId57" Type="http://schemas.openxmlformats.org/officeDocument/2006/relationships/image" Target="../media/image37.png"/><Relationship Id="rId10" Type="http://schemas.openxmlformats.org/officeDocument/2006/relationships/customXml" Target="../ink/ink22.xml"/><Relationship Id="rId31" Type="http://schemas.openxmlformats.org/officeDocument/2006/relationships/image" Target="../media/image27.png"/><Relationship Id="rId44" Type="http://schemas.openxmlformats.org/officeDocument/2006/relationships/customXml" Target="../ink/ink42.xml"/><Relationship Id="rId52" Type="http://schemas.openxmlformats.org/officeDocument/2006/relationships/customXml" Target="../ink/ink47.xml"/><Relationship Id="rId60" Type="http://schemas.openxmlformats.org/officeDocument/2006/relationships/customXml" Target="../ink/ink51.xml"/><Relationship Id="rId65" Type="http://schemas.openxmlformats.org/officeDocument/2006/relationships/image" Target="../media/image41.png"/><Relationship Id="rId73" Type="http://schemas.openxmlformats.org/officeDocument/2006/relationships/image" Target="../media/image45.png"/><Relationship Id="rId78" Type="http://schemas.openxmlformats.org/officeDocument/2006/relationships/customXml" Target="../ink/ink60.xml"/><Relationship Id="rId81" Type="http://schemas.openxmlformats.org/officeDocument/2006/relationships/image" Target="../media/image49.png"/><Relationship Id="rId4" Type="http://schemas.openxmlformats.org/officeDocument/2006/relationships/customXml" Target="../ink/ink19.xml"/><Relationship Id="rId9" Type="http://schemas.openxmlformats.org/officeDocument/2006/relationships/image" Target="../media/image16.png"/><Relationship Id="rId13" Type="http://schemas.openxmlformats.org/officeDocument/2006/relationships/image" Target="../media/image18.png"/><Relationship Id="rId18" Type="http://schemas.openxmlformats.org/officeDocument/2006/relationships/customXml" Target="../ink/ink26.xml"/><Relationship Id="rId39" Type="http://schemas.openxmlformats.org/officeDocument/2006/relationships/customXml" Target="../ink/ink38.xml"/><Relationship Id="rId34" Type="http://schemas.openxmlformats.org/officeDocument/2006/relationships/customXml" Target="../ink/ink34.xml"/><Relationship Id="rId50" Type="http://schemas.openxmlformats.org/officeDocument/2006/relationships/customXml" Target="../ink/ink46.xml"/><Relationship Id="rId55" Type="http://schemas.openxmlformats.org/officeDocument/2006/relationships/image" Target="../media/image36.png"/><Relationship Id="rId76" Type="http://schemas.openxmlformats.org/officeDocument/2006/relationships/customXml" Target="../ink/ink59.xml"/><Relationship Id="rId7" Type="http://schemas.openxmlformats.org/officeDocument/2006/relationships/image" Target="../media/image15.png"/><Relationship Id="rId71" Type="http://schemas.openxmlformats.org/officeDocument/2006/relationships/image" Target="../media/image44.png"/><Relationship Id="rId2" Type="http://schemas.openxmlformats.org/officeDocument/2006/relationships/customXml" Target="../ink/ink18.xml"/><Relationship Id="rId29" Type="http://schemas.openxmlformats.org/officeDocument/2006/relationships/image" Target="../media/image26.png"/><Relationship Id="rId24" Type="http://schemas.openxmlformats.org/officeDocument/2006/relationships/customXml" Target="../ink/ink29.xml"/><Relationship Id="rId40" Type="http://schemas.openxmlformats.org/officeDocument/2006/relationships/customXml" Target="../ink/ink39.xml"/><Relationship Id="rId45" Type="http://schemas.openxmlformats.org/officeDocument/2006/relationships/customXml" Target="../ink/ink43.xml"/><Relationship Id="rId66" Type="http://schemas.openxmlformats.org/officeDocument/2006/relationships/customXml" Target="../ink/ink54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7.xml.rels><?xml version="1.0" encoding="UTF-8" standalone="yes"?>
<Relationships xmlns="http://schemas.openxmlformats.org/package/2006/relationships"><Relationship Id="rId13" Type="http://schemas.openxmlformats.org/officeDocument/2006/relationships/image" Target="../media/image18.png"/><Relationship Id="rId18" Type="http://schemas.openxmlformats.org/officeDocument/2006/relationships/customXml" Target="../ink/ink70.xml"/><Relationship Id="rId26" Type="http://schemas.openxmlformats.org/officeDocument/2006/relationships/customXml" Target="../ink/ink74.xml"/><Relationship Id="rId3" Type="http://schemas.openxmlformats.org/officeDocument/2006/relationships/image" Target="../media/image13.png"/><Relationship Id="rId21" Type="http://schemas.openxmlformats.org/officeDocument/2006/relationships/image" Target="../media/image22.png"/><Relationship Id="rId34" Type="http://schemas.openxmlformats.org/officeDocument/2006/relationships/customXml" Target="../ink/ink78.xml"/><Relationship Id="rId7" Type="http://schemas.openxmlformats.org/officeDocument/2006/relationships/image" Target="../media/image15.png"/><Relationship Id="rId12" Type="http://schemas.openxmlformats.org/officeDocument/2006/relationships/customXml" Target="../ink/ink67.xml"/><Relationship Id="rId17" Type="http://schemas.openxmlformats.org/officeDocument/2006/relationships/image" Target="../media/image20.png"/><Relationship Id="rId25" Type="http://schemas.openxmlformats.org/officeDocument/2006/relationships/image" Target="../media/image24.png"/><Relationship Id="rId33" Type="http://schemas.openxmlformats.org/officeDocument/2006/relationships/image" Target="../media/image28.png"/><Relationship Id="rId2" Type="http://schemas.openxmlformats.org/officeDocument/2006/relationships/customXml" Target="../ink/ink62.xml"/><Relationship Id="rId16" Type="http://schemas.openxmlformats.org/officeDocument/2006/relationships/customXml" Target="../ink/ink69.xml"/><Relationship Id="rId20" Type="http://schemas.openxmlformats.org/officeDocument/2006/relationships/customXml" Target="../ink/ink71.xml"/><Relationship Id="rId29" Type="http://schemas.openxmlformats.org/officeDocument/2006/relationships/image" Target="../media/image26.png"/><Relationship Id="rId1" Type="http://schemas.openxmlformats.org/officeDocument/2006/relationships/slideLayout" Target="../slideLayouts/slideLayout4.xml"/><Relationship Id="rId6" Type="http://schemas.openxmlformats.org/officeDocument/2006/relationships/customXml" Target="../ink/ink64.xml"/><Relationship Id="rId11" Type="http://schemas.openxmlformats.org/officeDocument/2006/relationships/image" Target="../media/image17.png"/><Relationship Id="rId24" Type="http://schemas.openxmlformats.org/officeDocument/2006/relationships/customXml" Target="../ink/ink73.xml"/><Relationship Id="rId32" Type="http://schemas.openxmlformats.org/officeDocument/2006/relationships/customXml" Target="../ink/ink77.xml"/><Relationship Id="rId5" Type="http://schemas.openxmlformats.org/officeDocument/2006/relationships/image" Target="../media/image14.png"/><Relationship Id="rId15" Type="http://schemas.openxmlformats.org/officeDocument/2006/relationships/image" Target="../media/image19.png"/><Relationship Id="rId23" Type="http://schemas.openxmlformats.org/officeDocument/2006/relationships/image" Target="../media/image23.png"/><Relationship Id="rId28" Type="http://schemas.openxmlformats.org/officeDocument/2006/relationships/customXml" Target="../ink/ink75.xml"/><Relationship Id="rId10" Type="http://schemas.openxmlformats.org/officeDocument/2006/relationships/customXml" Target="../ink/ink66.xml"/><Relationship Id="rId19" Type="http://schemas.openxmlformats.org/officeDocument/2006/relationships/image" Target="../media/image21.png"/><Relationship Id="rId31" Type="http://schemas.openxmlformats.org/officeDocument/2006/relationships/image" Target="../media/image27.png"/><Relationship Id="rId4" Type="http://schemas.openxmlformats.org/officeDocument/2006/relationships/customXml" Target="../ink/ink63.xml"/><Relationship Id="rId9" Type="http://schemas.openxmlformats.org/officeDocument/2006/relationships/image" Target="../media/image16.png"/><Relationship Id="rId14" Type="http://schemas.openxmlformats.org/officeDocument/2006/relationships/customXml" Target="../ink/ink68.xml"/><Relationship Id="rId22" Type="http://schemas.openxmlformats.org/officeDocument/2006/relationships/customXml" Target="../ink/ink72.xml"/><Relationship Id="rId27" Type="http://schemas.openxmlformats.org/officeDocument/2006/relationships/image" Target="../media/image25.png"/><Relationship Id="rId30" Type="http://schemas.openxmlformats.org/officeDocument/2006/relationships/customXml" Target="../ink/ink76.xml"/><Relationship Id="rId35" Type="http://schemas.openxmlformats.org/officeDocument/2006/relationships/image" Target="../media/image29.png"/><Relationship Id="rId8" Type="http://schemas.openxmlformats.org/officeDocument/2006/relationships/customXml" Target="../ink/ink65.xml"/></Relationships>
</file>

<file path=ppt/slides/_rels/slide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5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tekst 4" descr="{&quot;templafy&quot;:{&quot;id&quot;:&quot;3c27066f-47f1-415f-a002-3b525f3aac1c&quot;}}">
            <a:extLst>
              <a:ext uri="{FF2B5EF4-FFF2-40B4-BE49-F238E27FC236}">
                <a16:creationId xmlns:a16="http://schemas.microsoft.com/office/drawing/2014/main" id="{DC70677B-4D27-BABC-157F-EEA1433E1AD3}"/>
              </a:ext>
            </a:extLst>
          </p:cNvPr>
          <p:cNvSpPr txBox="1">
            <a:spLocks/>
          </p:cNvSpPr>
          <p:nvPr/>
        </p:nvSpPr>
        <p:spPr>
          <a:xfrm>
            <a:off x="0" y="4568289"/>
            <a:ext cx="7347267" cy="576263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txBody>
          <a:bodyPr vert="horz" lIns="756000" tIns="0" rIns="0" bIns="0" rtlCol="0" anchor="ctr" anchorCtr="0">
            <a:no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100" b="0" kern="120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80975" indent="-180975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975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750" indent="-17780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/>
              <a:t>Mathematics and Computer Science</a:t>
            </a:r>
          </a:p>
        </p:txBody>
      </p:sp>
      <p:sp>
        <p:nvSpPr>
          <p:cNvPr id="11" name="Tijdelijke aanduiding voor tekst 3" descr="{&quot;templafy&quot;:{&quot;id&quot;:&quot;3ee623d1-6c80-48e3-96b9-e3de5036e261&quot;}}">
            <a:extLst>
              <a:ext uri="{FF2B5EF4-FFF2-40B4-BE49-F238E27FC236}">
                <a16:creationId xmlns:a16="http://schemas.microsoft.com/office/drawing/2014/main" id="{3FD2BD65-66BD-CD39-95C8-D63C69BDC239}"/>
              </a:ext>
            </a:extLst>
          </p:cNvPr>
          <p:cNvSpPr txBox="1">
            <a:spLocks/>
          </p:cNvSpPr>
          <p:nvPr/>
        </p:nvSpPr>
        <p:spPr>
          <a:xfrm>
            <a:off x="1" y="3990974"/>
            <a:ext cx="9143999" cy="576263"/>
          </a:xfrm>
          <a:prstGeom prst="rect">
            <a:avLst/>
          </a:prstGeom>
          <a:solidFill>
            <a:srgbClr val="000000">
              <a:alpha val="25000"/>
            </a:srgbClr>
          </a:solidFill>
          <a:ln>
            <a:noFill/>
          </a:ln>
        </p:spPr>
        <p:txBody>
          <a:bodyPr vert="horz" lIns="756000" tIns="0" rIns="0" bIns="0" rtlCol="0" anchor="ctr" anchorCtr="0">
            <a:no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100" b="1" kern="120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180975" indent="-180975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0000" indent="-180975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539750" indent="-17780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Char char="•"/>
              <a:defRPr sz="16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8859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288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5717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14650" indent="-171450" algn="l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Char char="•"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>
                <a:ea typeface="+mn-lt"/>
                <a:cs typeface="+mn-lt"/>
              </a:rPr>
              <a:t>Carlos Aguilar-Melchor, </a:t>
            </a:r>
            <a:r>
              <a:rPr lang="en-GB" u="sng">
                <a:ea typeface="+mn-lt"/>
                <a:cs typeface="+mn-lt"/>
              </a:rPr>
              <a:t>Andreas </a:t>
            </a:r>
            <a:r>
              <a:rPr lang="en-GB" u="sng" err="1">
                <a:ea typeface="+mn-lt"/>
                <a:cs typeface="+mn-lt"/>
              </a:rPr>
              <a:t>Hülsing</a:t>
            </a:r>
            <a:r>
              <a:rPr lang="en-GB" u="sng">
                <a:ea typeface="+mn-lt"/>
                <a:cs typeface="+mn-lt"/>
              </a:rPr>
              <a:t>,</a:t>
            </a:r>
            <a:r>
              <a:rPr lang="en-GB">
                <a:ea typeface="+mn-lt"/>
                <a:cs typeface="+mn-lt"/>
              </a:rPr>
              <a:t> David Joseph, Christian </a:t>
            </a:r>
            <a:r>
              <a:rPr lang="en-GB" err="1">
                <a:ea typeface="+mn-lt"/>
                <a:cs typeface="+mn-lt"/>
              </a:rPr>
              <a:t>Majenz</a:t>
            </a:r>
            <a:r>
              <a:rPr lang="en-GB">
                <a:ea typeface="+mn-lt"/>
                <a:cs typeface="+mn-lt"/>
              </a:rPr>
              <a:t>, Eyal Ronen, and Dongze Yue</a:t>
            </a:r>
            <a:endParaRPr lang="en-GB"/>
          </a:p>
        </p:txBody>
      </p:sp>
      <p:sp>
        <p:nvSpPr>
          <p:cNvPr id="14" name="Titel 14" descr="{&quot;templafy&quot;:{&quot;id&quot;:&quot;d172aecd-d995-480e-973f-3d12943d60af&quot;}}">
            <a:extLst>
              <a:ext uri="{FF2B5EF4-FFF2-40B4-BE49-F238E27FC236}">
                <a16:creationId xmlns:a16="http://schemas.microsoft.com/office/drawing/2014/main" id="{2CA35E63-978F-43D3-87F3-2DF6C1803ACE}"/>
              </a:ext>
            </a:extLst>
          </p:cNvPr>
          <p:cNvSpPr txBox="1">
            <a:spLocks/>
          </p:cNvSpPr>
          <p:nvPr/>
        </p:nvSpPr>
        <p:spPr>
          <a:xfrm>
            <a:off x="1" y="2913652"/>
            <a:ext cx="9143999" cy="792000"/>
          </a:xfrm>
          <a:prstGeom prst="rect">
            <a:avLst/>
          </a:prstGeom>
          <a:solidFill>
            <a:schemeClr val="tx2">
              <a:alpha val="50000"/>
            </a:schemeClr>
          </a:solidFill>
        </p:spPr>
        <p:txBody>
          <a:bodyPr vert="horz" lIns="756000" tIns="0" rIns="1962000" bIns="0" rtlCol="0" anchor="ctr" anchorCtr="0">
            <a:noAutofit/>
          </a:bodyPr>
          <a:lstStyle>
            <a:lvl1pPr algn="l" defTabSz="685800" rtl="0" eaLnBrk="1" latinLnBrk="0" hangingPunct="1">
              <a:lnSpc>
                <a:spcPts val="2300"/>
              </a:lnSpc>
              <a:spcBef>
                <a:spcPct val="0"/>
              </a:spcBef>
              <a:buNone/>
              <a:defRPr sz="2200" b="1" kern="1200" baseline="0">
                <a:solidFill>
                  <a:schemeClr val="bg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en-GB"/>
              <a:t>SDitH in the QROM</a:t>
            </a:r>
          </a:p>
        </p:txBody>
      </p:sp>
      <p:sp>
        <p:nvSpPr>
          <p:cNvPr id="17" name="Ondertitel 15" descr="{&quot;templafy&quot;:{&quot;id&quot;:&quot;5938a3a3-4f67-44be-b810-f3654b82f481&quot;}}">
            <a:extLst>
              <a:ext uri="{FF2B5EF4-FFF2-40B4-BE49-F238E27FC236}">
                <a16:creationId xmlns:a16="http://schemas.microsoft.com/office/drawing/2014/main" id="{DA36801A-02AA-B124-708B-64BBDA208B16}"/>
              </a:ext>
            </a:extLst>
          </p:cNvPr>
          <p:cNvSpPr txBox="1">
            <a:spLocks/>
          </p:cNvSpPr>
          <p:nvPr/>
        </p:nvSpPr>
        <p:spPr>
          <a:xfrm>
            <a:off x="6667" y="3705783"/>
            <a:ext cx="9143999" cy="288000"/>
          </a:xfrm>
          <a:prstGeom prst="rect">
            <a:avLst/>
          </a:prstGeom>
          <a:solidFill>
            <a:schemeClr val="tx2">
              <a:alpha val="50000"/>
            </a:schemeClr>
          </a:solidFill>
          <a:ln>
            <a:noFill/>
          </a:ln>
        </p:spPr>
        <p:txBody>
          <a:bodyPr vert="horz" wrap="none" lIns="756000" tIns="18000" rIns="1962000" bIns="0" rtlCol="0">
            <a:noAutofit/>
          </a:bodyPr>
          <a:lstStyle>
            <a:lvl1pPr marL="0" indent="0" algn="l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000" b="1" kern="1200" cap="all" baseline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342900" indent="0" algn="ctr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5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85800" indent="0" algn="ctr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35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028700" indent="0" algn="ctr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371600" indent="0" algn="ctr" defTabSz="685800" rtl="0" eaLnBrk="1" latinLnBrk="0" hangingPunct="1">
              <a:lnSpc>
                <a:spcPct val="100000"/>
              </a:lnSpc>
              <a:spcBef>
                <a:spcPts val="0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7145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0574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4003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743200" indent="0" algn="ctr" defTabSz="685800" rtl="0" eaLnBrk="1" latinLnBrk="0" hangingPunct="1">
              <a:lnSpc>
                <a:spcPct val="90000"/>
              </a:lnSpc>
              <a:spcBef>
                <a:spcPts val="375"/>
              </a:spcBef>
              <a:buFont typeface="Arial" panose="020B0604020202020204" pitchFamily="34" charset="0"/>
              <a:buNone/>
              <a:defRPr sz="1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470964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5B06E07-4E7F-7570-72F0-9BE22154C5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MPCitH</a:t>
            </a:r>
            <a:endParaRPr lang="en-US" err="1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35C78ED-F28D-E435-0039-8870F373D98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 u="sng">
                <a:cs typeface="Calibri"/>
              </a:rPr>
              <a:t>Commit:</a:t>
            </a:r>
            <a:r>
              <a:rPr lang="en-US">
                <a:cs typeface="Calibri"/>
              </a:rPr>
              <a:t> </a:t>
            </a:r>
          </a:p>
          <a:p>
            <a:r>
              <a:rPr lang="en-US">
                <a:cs typeface="Calibri"/>
              </a:rPr>
              <a:t>Secret share x: </a:t>
            </a:r>
          </a:p>
          <a:p>
            <a:r>
              <a:rPr lang="en-US">
                <a:cs typeface="Calibri"/>
              </a:rPr>
              <a:t>Sample random tapes: </a:t>
            </a:r>
          </a:p>
          <a:p>
            <a:r>
              <a:rPr lang="en-US">
                <a:cs typeface="Calibri"/>
              </a:rPr>
              <a:t>Commit to shares &amp;  rand: </a:t>
            </a:r>
          </a:p>
          <a:p>
            <a:r>
              <a:rPr lang="en-US">
                <a:cs typeface="Calibri"/>
              </a:rPr>
              <a:t>Run MPC protocol     such that </a:t>
            </a: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r>
              <a:rPr lang="en-US">
                <a:cs typeface="Calibri"/>
              </a:rPr>
              <a:t>Output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50F94F-055B-FAC2-4448-79B2651848B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12B0C5E-ECD0-4A37-8035-B7856804B36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0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3802F3D1-F66F-7A5D-129E-28BC4446C798}"/>
                  </a:ext>
                </a:extLst>
              </p14:cNvPr>
              <p14:cNvContentPartPr/>
              <p14:nvPr/>
            </p14:nvContentPartPr>
            <p14:xfrm>
              <a:off x="2418866" y="1715399"/>
              <a:ext cx="113040" cy="96840"/>
            </p14:xfrm>
          </p:contentPart>
        </mc:Choice>
        <mc:Fallback xmlns=""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3802F3D1-F66F-7A5D-129E-28BC4446C798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2408066" y="1704639"/>
                <a:ext cx="134280" cy="11800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14" name="Ink 13">
                <a:extLst>
                  <a:ext uri="{FF2B5EF4-FFF2-40B4-BE49-F238E27FC236}">
                    <a16:creationId xmlns:a16="http://schemas.microsoft.com/office/drawing/2014/main" id="{6B03180C-589B-E6A9-BEE1-354F04367439}"/>
                  </a:ext>
                </a:extLst>
              </p14:cNvPr>
              <p14:cNvContentPartPr/>
              <p14:nvPr/>
            </p14:nvContentPartPr>
            <p14:xfrm>
              <a:off x="2622986" y="1637639"/>
              <a:ext cx="349200" cy="190800"/>
            </p14:xfrm>
          </p:contentPart>
        </mc:Choice>
        <mc:Fallback xmlns="">
          <p:pic>
            <p:nvPicPr>
              <p:cNvPr id="14" name="Ink 13">
                <a:extLst>
                  <a:ext uri="{FF2B5EF4-FFF2-40B4-BE49-F238E27FC236}">
                    <a16:creationId xmlns:a16="http://schemas.microsoft.com/office/drawing/2014/main" id="{6B03180C-589B-E6A9-BEE1-354F04367439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2612197" y="1626859"/>
                <a:ext cx="370418" cy="212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18" name="Ink 17">
                <a:extLst>
                  <a:ext uri="{FF2B5EF4-FFF2-40B4-BE49-F238E27FC236}">
                    <a16:creationId xmlns:a16="http://schemas.microsoft.com/office/drawing/2014/main" id="{D61D1E7F-4C39-45D4-AB98-AE8EE3BAB5BA}"/>
                  </a:ext>
                </a:extLst>
              </p14:cNvPr>
              <p14:cNvContentPartPr/>
              <p14:nvPr/>
            </p14:nvContentPartPr>
            <p14:xfrm>
              <a:off x="3135266" y="1739519"/>
              <a:ext cx="40680" cy="94320"/>
            </p14:xfrm>
          </p:contentPart>
        </mc:Choice>
        <mc:Fallback xmlns="">
          <p:pic>
            <p:nvPicPr>
              <p:cNvPr id="18" name="Ink 17">
                <a:extLst>
                  <a:ext uri="{FF2B5EF4-FFF2-40B4-BE49-F238E27FC236}">
                    <a16:creationId xmlns:a16="http://schemas.microsoft.com/office/drawing/2014/main" id="{D61D1E7F-4C39-45D4-AB98-AE8EE3BAB5BA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3124466" y="1728719"/>
                <a:ext cx="61920" cy="1155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19" name="Ink 18">
                <a:extLst>
                  <a:ext uri="{FF2B5EF4-FFF2-40B4-BE49-F238E27FC236}">
                    <a16:creationId xmlns:a16="http://schemas.microsoft.com/office/drawing/2014/main" id="{3A83D00B-1632-6C9A-9EEE-BB23FC1443F4}"/>
                  </a:ext>
                </a:extLst>
              </p14:cNvPr>
              <p14:cNvContentPartPr/>
              <p14:nvPr/>
            </p14:nvContentPartPr>
            <p14:xfrm>
              <a:off x="3347666" y="1715399"/>
              <a:ext cx="51480" cy="75600"/>
            </p14:xfrm>
          </p:contentPart>
        </mc:Choice>
        <mc:Fallback xmlns="">
          <p:pic>
            <p:nvPicPr>
              <p:cNvPr id="19" name="Ink 18">
                <a:extLst>
                  <a:ext uri="{FF2B5EF4-FFF2-40B4-BE49-F238E27FC236}">
                    <a16:creationId xmlns:a16="http://schemas.microsoft.com/office/drawing/2014/main" id="{3A83D00B-1632-6C9A-9EEE-BB23FC1443F4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3336790" y="1704599"/>
                <a:ext cx="72870" cy="968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26" name="Ink 25">
                <a:extLst>
                  <a:ext uri="{FF2B5EF4-FFF2-40B4-BE49-F238E27FC236}">
                    <a16:creationId xmlns:a16="http://schemas.microsoft.com/office/drawing/2014/main" id="{4C156A12-0345-E42E-A19B-708C2828A0F0}"/>
                  </a:ext>
                </a:extLst>
              </p14:cNvPr>
              <p14:cNvContentPartPr/>
              <p14:nvPr/>
            </p14:nvContentPartPr>
            <p14:xfrm>
              <a:off x="3573386" y="1808999"/>
              <a:ext cx="78120" cy="59760"/>
            </p14:xfrm>
          </p:contentPart>
        </mc:Choice>
        <mc:Fallback xmlns="">
          <p:pic>
            <p:nvPicPr>
              <p:cNvPr id="26" name="Ink 25">
                <a:extLst>
                  <a:ext uri="{FF2B5EF4-FFF2-40B4-BE49-F238E27FC236}">
                    <a16:creationId xmlns:a16="http://schemas.microsoft.com/office/drawing/2014/main" id="{4C156A12-0345-E42E-A19B-708C2828A0F0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3562586" y="1798199"/>
                <a:ext cx="99360" cy="81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32" name="Ink 31">
                <a:extLst>
                  <a:ext uri="{FF2B5EF4-FFF2-40B4-BE49-F238E27FC236}">
                    <a16:creationId xmlns:a16="http://schemas.microsoft.com/office/drawing/2014/main" id="{7FE54B0D-BB29-AA1B-4ED3-02B26C90583A}"/>
                  </a:ext>
                </a:extLst>
              </p14:cNvPr>
              <p14:cNvContentPartPr/>
              <p14:nvPr/>
            </p14:nvContentPartPr>
            <p14:xfrm>
              <a:off x="3908906" y="1621439"/>
              <a:ext cx="338400" cy="188280"/>
            </p14:xfrm>
          </p:contentPart>
        </mc:Choice>
        <mc:Fallback xmlns="">
          <p:pic>
            <p:nvPicPr>
              <p:cNvPr id="32" name="Ink 31">
                <a:extLst>
                  <a:ext uri="{FF2B5EF4-FFF2-40B4-BE49-F238E27FC236}">
                    <a16:creationId xmlns:a16="http://schemas.microsoft.com/office/drawing/2014/main" id="{7FE54B0D-BB29-AA1B-4ED3-02B26C90583A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3898117" y="1610639"/>
                <a:ext cx="359617" cy="209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36" name="Ink 35">
                <a:extLst>
                  <a:ext uri="{FF2B5EF4-FFF2-40B4-BE49-F238E27FC236}">
                    <a16:creationId xmlns:a16="http://schemas.microsoft.com/office/drawing/2014/main" id="{FE05455C-F634-8FF0-36AF-1B700849015B}"/>
                  </a:ext>
                </a:extLst>
              </p14:cNvPr>
              <p14:cNvContentPartPr/>
              <p14:nvPr/>
            </p14:nvContentPartPr>
            <p14:xfrm>
              <a:off x="4615226" y="1704599"/>
              <a:ext cx="94320" cy="43200"/>
            </p14:xfrm>
          </p:contentPart>
        </mc:Choice>
        <mc:Fallback xmlns="">
          <p:pic>
            <p:nvPicPr>
              <p:cNvPr id="36" name="Ink 35">
                <a:extLst>
                  <a:ext uri="{FF2B5EF4-FFF2-40B4-BE49-F238E27FC236}">
                    <a16:creationId xmlns:a16="http://schemas.microsoft.com/office/drawing/2014/main" id="{FE05455C-F634-8FF0-36AF-1B700849015B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4604426" y="1693799"/>
                <a:ext cx="115560" cy="64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37" name="Ink 36">
                <a:extLst>
                  <a:ext uri="{FF2B5EF4-FFF2-40B4-BE49-F238E27FC236}">
                    <a16:creationId xmlns:a16="http://schemas.microsoft.com/office/drawing/2014/main" id="{C7642A55-3D3E-8ED5-70FB-A218B7C14CE5}"/>
                  </a:ext>
                </a:extLst>
              </p14:cNvPr>
              <p14:cNvContentPartPr/>
              <p14:nvPr/>
            </p14:nvContentPartPr>
            <p14:xfrm>
              <a:off x="4523786" y="1798559"/>
              <a:ext cx="35280" cy="19080"/>
            </p14:xfrm>
          </p:contentPart>
        </mc:Choice>
        <mc:Fallback xmlns="">
          <p:pic>
            <p:nvPicPr>
              <p:cNvPr id="37" name="Ink 36">
                <a:extLst>
                  <a:ext uri="{FF2B5EF4-FFF2-40B4-BE49-F238E27FC236}">
                    <a16:creationId xmlns:a16="http://schemas.microsoft.com/office/drawing/2014/main" id="{C7642A55-3D3E-8ED5-70FB-A218B7C14CE5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4512986" y="1787759"/>
                <a:ext cx="56520" cy="40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8">
            <p14:nvContentPartPr>
              <p14:cNvPr id="38" name="Ink 37">
                <a:extLst>
                  <a:ext uri="{FF2B5EF4-FFF2-40B4-BE49-F238E27FC236}">
                    <a16:creationId xmlns:a16="http://schemas.microsoft.com/office/drawing/2014/main" id="{BEC70385-38F9-04BF-DBDC-724ED8E7952F}"/>
                  </a:ext>
                </a:extLst>
              </p14:cNvPr>
              <p14:cNvContentPartPr/>
              <p14:nvPr/>
            </p14:nvContentPartPr>
            <p14:xfrm>
              <a:off x="4531706" y="1758239"/>
              <a:ext cx="2880" cy="2880"/>
            </p14:xfrm>
          </p:contentPart>
        </mc:Choice>
        <mc:Fallback xmlns="">
          <p:pic>
            <p:nvPicPr>
              <p:cNvPr id="38" name="Ink 37">
                <a:extLst>
                  <a:ext uri="{FF2B5EF4-FFF2-40B4-BE49-F238E27FC236}">
                    <a16:creationId xmlns:a16="http://schemas.microsoft.com/office/drawing/2014/main" id="{BEC70385-38F9-04BF-DBDC-724ED8E7952F}"/>
                  </a:ext>
                </a:extLst>
              </p:cNvPr>
              <p:cNvPicPr/>
              <p:nvPr/>
            </p:nvPicPr>
            <p:blipFill>
              <a:blip r:embed="rId19"/>
              <a:stretch>
                <a:fillRect/>
              </a:stretch>
            </p:blipFill>
            <p:spPr>
              <a:xfrm>
                <a:off x="4522106" y="1747439"/>
                <a:ext cx="21760" cy="241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0">
            <p14:nvContentPartPr>
              <p14:cNvPr id="39" name="Ink 38">
                <a:extLst>
                  <a:ext uri="{FF2B5EF4-FFF2-40B4-BE49-F238E27FC236}">
                    <a16:creationId xmlns:a16="http://schemas.microsoft.com/office/drawing/2014/main" id="{77416C16-9F2E-607D-0104-58ECBA1CC3AB}"/>
                  </a:ext>
                </a:extLst>
              </p14:cNvPr>
              <p14:cNvContentPartPr/>
              <p14:nvPr/>
            </p14:nvContentPartPr>
            <p14:xfrm>
              <a:off x="4719626" y="1758239"/>
              <a:ext cx="51480" cy="86400"/>
            </p14:xfrm>
          </p:contentPart>
        </mc:Choice>
        <mc:Fallback xmlns="">
          <p:pic>
            <p:nvPicPr>
              <p:cNvPr id="39" name="Ink 38">
                <a:extLst>
                  <a:ext uri="{FF2B5EF4-FFF2-40B4-BE49-F238E27FC236}">
                    <a16:creationId xmlns:a16="http://schemas.microsoft.com/office/drawing/2014/main" id="{77416C16-9F2E-607D-0104-58ECBA1CC3AB}"/>
                  </a:ext>
                </a:extLst>
              </p:cNvPr>
              <p:cNvPicPr/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4708826" y="1747394"/>
                <a:ext cx="72720" cy="10772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2">
            <p14:nvContentPartPr>
              <p14:cNvPr id="43" name="Ink 42">
                <a:extLst>
                  <a:ext uri="{FF2B5EF4-FFF2-40B4-BE49-F238E27FC236}">
                    <a16:creationId xmlns:a16="http://schemas.microsoft.com/office/drawing/2014/main" id="{22499DFB-36C5-E27C-C80E-F32533ECB29B}"/>
                  </a:ext>
                </a:extLst>
              </p14:cNvPr>
              <p14:cNvContentPartPr/>
              <p14:nvPr/>
            </p14:nvContentPartPr>
            <p14:xfrm>
              <a:off x="4861826" y="1632239"/>
              <a:ext cx="140040" cy="193680"/>
            </p14:xfrm>
          </p:contentPart>
        </mc:Choice>
        <mc:Fallback xmlns="">
          <p:pic>
            <p:nvPicPr>
              <p:cNvPr id="43" name="Ink 42">
                <a:extLst>
                  <a:ext uri="{FF2B5EF4-FFF2-40B4-BE49-F238E27FC236}">
                    <a16:creationId xmlns:a16="http://schemas.microsoft.com/office/drawing/2014/main" id="{22499DFB-36C5-E27C-C80E-F32533ECB29B}"/>
                  </a:ext>
                </a:extLst>
              </p:cNvPr>
              <p:cNvPicPr/>
              <p:nvPr/>
            </p:nvPicPr>
            <p:blipFill>
              <a:blip r:embed="rId23"/>
              <a:stretch>
                <a:fillRect/>
              </a:stretch>
            </p:blipFill>
            <p:spPr>
              <a:xfrm>
                <a:off x="4850998" y="1621439"/>
                <a:ext cx="161335" cy="2149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4">
            <p14:nvContentPartPr>
              <p14:cNvPr id="47" name="Ink 46">
                <a:extLst>
                  <a:ext uri="{FF2B5EF4-FFF2-40B4-BE49-F238E27FC236}">
                    <a16:creationId xmlns:a16="http://schemas.microsoft.com/office/drawing/2014/main" id="{6CDF5B58-CD65-FB2D-FE06-5A2D390AE012}"/>
                  </a:ext>
                </a:extLst>
              </p14:cNvPr>
              <p14:cNvContentPartPr/>
              <p14:nvPr/>
            </p14:nvContentPartPr>
            <p14:xfrm>
              <a:off x="5316506" y="1821419"/>
              <a:ext cx="72720" cy="67320"/>
            </p14:xfrm>
          </p:contentPart>
        </mc:Choice>
        <mc:Fallback xmlns="">
          <p:pic>
            <p:nvPicPr>
              <p:cNvPr id="47" name="Ink 46">
                <a:extLst>
                  <a:ext uri="{FF2B5EF4-FFF2-40B4-BE49-F238E27FC236}">
                    <a16:creationId xmlns:a16="http://schemas.microsoft.com/office/drawing/2014/main" id="{6CDF5B58-CD65-FB2D-FE06-5A2D390AE012}"/>
                  </a:ext>
                </a:extLst>
              </p:cNvPr>
              <p:cNvPicPr/>
              <p:nvPr/>
            </p:nvPicPr>
            <p:blipFill>
              <a:blip r:embed="rId25"/>
              <a:stretch>
                <a:fillRect/>
              </a:stretch>
            </p:blipFill>
            <p:spPr>
              <a:xfrm>
                <a:off x="5305706" y="1810619"/>
                <a:ext cx="93960" cy="885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6">
            <p14:nvContentPartPr>
              <p14:cNvPr id="50" name="Ink 49">
                <a:extLst>
                  <a:ext uri="{FF2B5EF4-FFF2-40B4-BE49-F238E27FC236}">
                    <a16:creationId xmlns:a16="http://schemas.microsoft.com/office/drawing/2014/main" id="{0BA241A9-93EA-D2DB-AE97-4AA640A86EF7}"/>
                  </a:ext>
                </a:extLst>
              </p14:cNvPr>
              <p14:cNvContentPartPr/>
              <p14:nvPr/>
            </p14:nvContentPartPr>
            <p14:xfrm>
              <a:off x="5434946" y="1776059"/>
              <a:ext cx="96840" cy="64800"/>
            </p14:xfrm>
          </p:contentPart>
        </mc:Choice>
        <mc:Fallback xmlns="">
          <p:pic>
            <p:nvPicPr>
              <p:cNvPr id="50" name="Ink 49">
                <a:extLst>
                  <a:ext uri="{FF2B5EF4-FFF2-40B4-BE49-F238E27FC236}">
                    <a16:creationId xmlns:a16="http://schemas.microsoft.com/office/drawing/2014/main" id="{0BA241A9-93EA-D2DB-AE97-4AA640A86EF7}"/>
                  </a:ext>
                </a:extLst>
              </p:cNvPr>
              <p:cNvPicPr/>
              <p:nvPr/>
            </p:nvPicPr>
            <p:blipFill>
              <a:blip r:embed="rId27"/>
              <a:stretch>
                <a:fillRect/>
              </a:stretch>
            </p:blipFill>
            <p:spPr>
              <a:xfrm>
                <a:off x="5424186" y="1765259"/>
                <a:ext cx="118001" cy="86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8">
            <p14:nvContentPartPr>
              <p14:cNvPr id="53" name="Ink 52">
                <a:extLst>
                  <a:ext uri="{FF2B5EF4-FFF2-40B4-BE49-F238E27FC236}">
                    <a16:creationId xmlns:a16="http://schemas.microsoft.com/office/drawing/2014/main" id="{6F870ADB-12B9-D172-B6FD-F5724A62F7FF}"/>
                  </a:ext>
                </a:extLst>
              </p14:cNvPr>
              <p14:cNvContentPartPr/>
              <p14:nvPr/>
            </p14:nvContentPartPr>
            <p14:xfrm>
              <a:off x="5622866" y="1765259"/>
              <a:ext cx="64800" cy="78120"/>
            </p14:xfrm>
          </p:contentPart>
        </mc:Choice>
        <mc:Fallback xmlns="">
          <p:pic>
            <p:nvPicPr>
              <p:cNvPr id="53" name="Ink 52">
                <a:extLst>
                  <a:ext uri="{FF2B5EF4-FFF2-40B4-BE49-F238E27FC236}">
                    <a16:creationId xmlns:a16="http://schemas.microsoft.com/office/drawing/2014/main" id="{6F870ADB-12B9-D172-B6FD-F5724A62F7FF}"/>
                  </a:ext>
                </a:extLst>
              </p:cNvPr>
              <p:cNvPicPr/>
              <p:nvPr/>
            </p:nvPicPr>
            <p:blipFill>
              <a:blip r:embed="rId29"/>
              <a:stretch>
                <a:fillRect/>
              </a:stretch>
            </p:blipFill>
            <p:spPr>
              <a:xfrm>
                <a:off x="5612066" y="1754509"/>
                <a:ext cx="86040" cy="9926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0">
            <p14:nvContentPartPr>
              <p14:cNvPr id="56" name="Ink 55">
                <a:extLst>
                  <a:ext uri="{FF2B5EF4-FFF2-40B4-BE49-F238E27FC236}">
                    <a16:creationId xmlns:a16="http://schemas.microsoft.com/office/drawing/2014/main" id="{69E9E4D5-DF4F-8646-D9A1-959EE78474CD}"/>
                  </a:ext>
                </a:extLst>
              </p14:cNvPr>
              <p14:cNvContentPartPr/>
              <p14:nvPr/>
            </p14:nvContentPartPr>
            <p14:xfrm>
              <a:off x="5617466" y="1783979"/>
              <a:ext cx="204120" cy="64800"/>
            </p14:xfrm>
          </p:contentPart>
        </mc:Choice>
        <mc:Fallback xmlns="">
          <p:pic>
            <p:nvPicPr>
              <p:cNvPr id="56" name="Ink 55">
                <a:extLst>
                  <a:ext uri="{FF2B5EF4-FFF2-40B4-BE49-F238E27FC236}">
                    <a16:creationId xmlns:a16="http://schemas.microsoft.com/office/drawing/2014/main" id="{69E9E4D5-DF4F-8646-D9A1-959EE78474CD}"/>
                  </a:ext>
                </a:extLst>
              </p:cNvPr>
              <p:cNvPicPr/>
              <p:nvPr/>
            </p:nvPicPr>
            <p:blipFill>
              <a:blip r:embed="rId31"/>
              <a:stretch>
                <a:fillRect/>
              </a:stretch>
            </p:blipFill>
            <p:spPr>
              <a:xfrm>
                <a:off x="5606685" y="1773179"/>
                <a:ext cx="225323" cy="86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2">
            <p14:nvContentPartPr>
              <p14:cNvPr id="65" name="Ink 64">
                <a:extLst>
                  <a:ext uri="{FF2B5EF4-FFF2-40B4-BE49-F238E27FC236}">
                    <a16:creationId xmlns:a16="http://schemas.microsoft.com/office/drawing/2014/main" id="{DCFD2DAE-05CC-475F-C02C-DC2B925891EB}"/>
                  </a:ext>
                </a:extLst>
              </p14:cNvPr>
              <p14:cNvContentPartPr/>
              <p14:nvPr/>
            </p14:nvContentPartPr>
            <p14:xfrm>
              <a:off x="5866946" y="1717019"/>
              <a:ext cx="132120" cy="161280"/>
            </p14:xfrm>
          </p:contentPart>
        </mc:Choice>
        <mc:Fallback xmlns="">
          <p:pic>
            <p:nvPicPr>
              <p:cNvPr id="65" name="Ink 64">
                <a:extLst>
                  <a:ext uri="{FF2B5EF4-FFF2-40B4-BE49-F238E27FC236}">
                    <a16:creationId xmlns:a16="http://schemas.microsoft.com/office/drawing/2014/main" id="{DCFD2DAE-05CC-475F-C02C-DC2B925891EB}"/>
                  </a:ext>
                </a:extLst>
              </p:cNvPr>
              <p:cNvPicPr/>
              <p:nvPr/>
            </p:nvPicPr>
            <p:blipFill>
              <a:blip r:embed="rId33"/>
              <a:stretch>
                <a:fillRect/>
              </a:stretch>
            </p:blipFill>
            <p:spPr>
              <a:xfrm>
                <a:off x="5856116" y="1706243"/>
                <a:ext cx="153418" cy="18247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4">
            <p14:nvContentPartPr>
              <p14:cNvPr id="69" name="Ink 68">
                <a:extLst>
                  <a:ext uri="{FF2B5EF4-FFF2-40B4-BE49-F238E27FC236}">
                    <a16:creationId xmlns:a16="http://schemas.microsoft.com/office/drawing/2014/main" id="{9646E915-563E-1F54-1959-9CB90BFB615A}"/>
                  </a:ext>
                </a:extLst>
              </p14:cNvPr>
              <p14:cNvContentPartPr/>
              <p14:nvPr/>
            </p14:nvContentPartPr>
            <p14:xfrm>
              <a:off x="6157106" y="1805219"/>
              <a:ext cx="40680" cy="83520"/>
            </p14:xfrm>
          </p:contentPart>
        </mc:Choice>
        <mc:Fallback xmlns="">
          <p:pic>
            <p:nvPicPr>
              <p:cNvPr id="69" name="Ink 68">
                <a:extLst>
                  <a:ext uri="{FF2B5EF4-FFF2-40B4-BE49-F238E27FC236}">
                    <a16:creationId xmlns:a16="http://schemas.microsoft.com/office/drawing/2014/main" id="{9646E915-563E-1F54-1959-9CB90BFB615A}"/>
                  </a:ext>
                </a:extLst>
              </p:cNvPr>
              <p:cNvPicPr/>
              <p:nvPr/>
            </p:nvPicPr>
            <p:blipFill>
              <a:blip r:embed="rId35"/>
              <a:stretch>
                <a:fillRect/>
              </a:stretch>
            </p:blipFill>
            <p:spPr>
              <a:xfrm>
                <a:off x="6146306" y="1794419"/>
                <a:ext cx="61920" cy="104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6">
            <p14:nvContentPartPr>
              <p14:cNvPr id="9" name="Ink 8">
                <a:extLst>
                  <a:ext uri="{FF2B5EF4-FFF2-40B4-BE49-F238E27FC236}">
                    <a16:creationId xmlns:a16="http://schemas.microsoft.com/office/drawing/2014/main" id="{8449549B-4820-987C-5311-91E699645E9E}"/>
                  </a:ext>
                </a:extLst>
              </p14:cNvPr>
              <p14:cNvContentPartPr/>
              <p14:nvPr/>
            </p14:nvContentPartPr>
            <p14:xfrm>
              <a:off x="3031640" y="1715564"/>
              <a:ext cx="78840" cy="74160"/>
            </p14:xfrm>
          </p:contentPart>
        </mc:Choice>
        <mc:Fallback xmlns="">
          <p:pic>
            <p:nvPicPr>
              <p:cNvPr id="9" name="Ink 8">
                <a:extLst>
                  <a:ext uri="{FF2B5EF4-FFF2-40B4-BE49-F238E27FC236}">
                    <a16:creationId xmlns:a16="http://schemas.microsoft.com/office/drawing/2014/main" id="{8449549B-4820-987C-5311-91E699645E9E}"/>
                  </a:ext>
                </a:extLst>
              </p:cNvPr>
              <p:cNvPicPr/>
              <p:nvPr/>
            </p:nvPicPr>
            <p:blipFill>
              <a:blip r:embed="rId37"/>
              <a:stretch>
                <a:fillRect/>
              </a:stretch>
            </p:blipFill>
            <p:spPr>
              <a:xfrm>
                <a:off x="3020840" y="1704816"/>
                <a:ext cx="100080" cy="95297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8">
            <p14:nvContentPartPr>
              <p14:cNvPr id="12" name="Ink 11">
                <a:extLst>
                  <a:ext uri="{FF2B5EF4-FFF2-40B4-BE49-F238E27FC236}">
                    <a16:creationId xmlns:a16="http://schemas.microsoft.com/office/drawing/2014/main" id="{DC423F0D-8B33-5442-BC5B-37014A988C5E}"/>
                  </a:ext>
                </a:extLst>
              </p14:cNvPr>
              <p14:cNvContentPartPr/>
              <p14:nvPr/>
            </p14:nvContentPartPr>
            <p14:xfrm>
              <a:off x="3493520" y="1713044"/>
              <a:ext cx="106560" cy="74160"/>
            </p14:xfrm>
          </p:contentPart>
        </mc:Choice>
        <mc:Fallback xmlns="">
          <p:pic>
            <p:nvPicPr>
              <p:cNvPr id="12" name="Ink 11">
                <a:extLst>
                  <a:ext uri="{FF2B5EF4-FFF2-40B4-BE49-F238E27FC236}">
                    <a16:creationId xmlns:a16="http://schemas.microsoft.com/office/drawing/2014/main" id="{DC423F0D-8B33-5442-BC5B-37014A988C5E}"/>
                  </a:ext>
                </a:extLst>
              </p:cNvPr>
              <p:cNvPicPr/>
              <p:nvPr/>
            </p:nvPicPr>
            <p:blipFill>
              <a:blip r:embed="rId39"/>
              <a:stretch>
                <a:fillRect/>
              </a:stretch>
            </p:blipFill>
            <p:spPr>
              <a:xfrm>
                <a:off x="3482720" y="1702244"/>
                <a:ext cx="127800" cy="95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0">
            <p14:nvContentPartPr>
              <p14:cNvPr id="16" name="Ink 15">
                <a:extLst>
                  <a:ext uri="{FF2B5EF4-FFF2-40B4-BE49-F238E27FC236}">
                    <a16:creationId xmlns:a16="http://schemas.microsoft.com/office/drawing/2014/main" id="{D3F82614-7EA8-0789-9E78-9A05BFEE2B2C}"/>
                  </a:ext>
                </a:extLst>
              </p14:cNvPr>
              <p14:cNvContentPartPr/>
              <p14:nvPr/>
            </p14:nvContentPartPr>
            <p14:xfrm>
              <a:off x="4426280" y="1692524"/>
              <a:ext cx="97560" cy="97200"/>
            </p14:xfrm>
          </p:contentPart>
        </mc:Choice>
        <mc:Fallback xmlns="">
          <p:pic>
            <p:nvPicPr>
              <p:cNvPr id="16" name="Ink 15">
                <a:extLst>
                  <a:ext uri="{FF2B5EF4-FFF2-40B4-BE49-F238E27FC236}">
                    <a16:creationId xmlns:a16="http://schemas.microsoft.com/office/drawing/2014/main" id="{D3F82614-7EA8-0789-9E78-9A05BFEE2B2C}"/>
                  </a:ext>
                </a:extLst>
              </p:cNvPr>
              <p:cNvPicPr/>
              <p:nvPr/>
            </p:nvPicPr>
            <p:blipFill>
              <a:blip r:embed="rId41"/>
              <a:stretch>
                <a:fillRect/>
              </a:stretch>
            </p:blipFill>
            <p:spPr>
              <a:xfrm>
                <a:off x="4415440" y="1681764"/>
                <a:ext cx="118879" cy="118362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2">
            <p14:nvContentPartPr>
              <p14:cNvPr id="22" name="Ink 21">
                <a:extLst>
                  <a:ext uri="{FF2B5EF4-FFF2-40B4-BE49-F238E27FC236}">
                    <a16:creationId xmlns:a16="http://schemas.microsoft.com/office/drawing/2014/main" id="{A798BD7D-A966-58E1-E21E-E484CC4E045E}"/>
                  </a:ext>
                </a:extLst>
              </p14:cNvPr>
              <p14:cNvContentPartPr/>
              <p14:nvPr/>
            </p14:nvContentPartPr>
            <p14:xfrm>
              <a:off x="4994215" y="1736156"/>
              <a:ext cx="323640" cy="106560"/>
            </p14:xfrm>
          </p:contentPart>
        </mc:Choice>
        <mc:Fallback xmlns="">
          <p:pic>
            <p:nvPicPr>
              <p:cNvPr id="22" name="Ink 21">
                <a:extLst>
                  <a:ext uri="{FF2B5EF4-FFF2-40B4-BE49-F238E27FC236}">
                    <a16:creationId xmlns:a16="http://schemas.microsoft.com/office/drawing/2014/main" id="{A798BD7D-A966-58E1-E21E-E484CC4E045E}"/>
                  </a:ext>
                </a:extLst>
              </p:cNvPr>
              <p:cNvPicPr/>
              <p:nvPr/>
            </p:nvPicPr>
            <p:blipFill>
              <a:blip r:embed="rId43"/>
              <a:stretch>
                <a:fillRect/>
              </a:stretch>
            </p:blipFill>
            <p:spPr>
              <a:xfrm>
                <a:off x="4983415" y="1725356"/>
                <a:ext cx="344880" cy="127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4">
            <p14:nvContentPartPr>
              <p14:cNvPr id="25" name="Ink 24">
                <a:extLst>
                  <a:ext uri="{FF2B5EF4-FFF2-40B4-BE49-F238E27FC236}">
                    <a16:creationId xmlns:a16="http://schemas.microsoft.com/office/drawing/2014/main" id="{92314BF1-8C49-FD70-849F-E1A70C01EB7B}"/>
                  </a:ext>
                </a:extLst>
              </p14:cNvPr>
              <p14:cNvContentPartPr/>
              <p14:nvPr/>
            </p14:nvContentPartPr>
            <p14:xfrm>
              <a:off x="6045055" y="1791596"/>
              <a:ext cx="69480" cy="72000"/>
            </p14:xfrm>
          </p:contentPart>
        </mc:Choice>
        <mc:Fallback xmlns="">
          <p:pic>
            <p:nvPicPr>
              <p:cNvPr id="25" name="Ink 24">
                <a:extLst>
                  <a:ext uri="{FF2B5EF4-FFF2-40B4-BE49-F238E27FC236}">
                    <a16:creationId xmlns:a16="http://schemas.microsoft.com/office/drawing/2014/main" id="{92314BF1-8C49-FD70-849F-E1A70C01EB7B}"/>
                  </a:ext>
                </a:extLst>
              </p:cNvPr>
              <p:cNvPicPr/>
              <p:nvPr/>
            </p:nvPicPr>
            <p:blipFill>
              <a:blip r:embed="rId45"/>
              <a:stretch>
                <a:fillRect/>
              </a:stretch>
            </p:blipFill>
            <p:spPr>
              <a:xfrm>
                <a:off x="6034311" y="1780796"/>
                <a:ext cx="90611" cy="93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6">
            <p14:nvContentPartPr>
              <p14:cNvPr id="30" name="Ink 29">
                <a:extLst>
                  <a:ext uri="{FF2B5EF4-FFF2-40B4-BE49-F238E27FC236}">
                    <a16:creationId xmlns:a16="http://schemas.microsoft.com/office/drawing/2014/main" id="{706A7814-7A64-AF18-5FD6-7AC0F3A428EE}"/>
                  </a:ext>
                </a:extLst>
              </p14:cNvPr>
              <p14:cNvContentPartPr/>
              <p14:nvPr/>
            </p14:nvContentPartPr>
            <p14:xfrm>
              <a:off x="3223375" y="2034236"/>
              <a:ext cx="109080" cy="111240"/>
            </p14:xfrm>
          </p:contentPart>
        </mc:Choice>
        <mc:Fallback xmlns="">
          <p:pic>
            <p:nvPicPr>
              <p:cNvPr id="30" name="Ink 29">
                <a:extLst>
                  <a:ext uri="{FF2B5EF4-FFF2-40B4-BE49-F238E27FC236}">
                    <a16:creationId xmlns:a16="http://schemas.microsoft.com/office/drawing/2014/main" id="{706A7814-7A64-AF18-5FD6-7AC0F3A428EE}"/>
                  </a:ext>
                </a:extLst>
              </p:cNvPr>
              <p:cNvPicPr/>
              <p:nvPr/>
            </p:nvPicPr>
            <p:blipFill>
              <a:blip r:embed="rId47"/>
              <a:stretch>
                <a:fillRect/>
              </a:stretch>
            </p:blipFill>
            <p:spPr>
              <a:xfrm>
                <a:off x="3212575" y="2023436"/>
                <a:ext cx="130320" cy="1324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8">
            <p14:nvContentPartPr>
              <p14:cNvPr id="35" name="Ink 34">
                <a:extLst>
                  <a:ext uri="{FF2B5EF4-FFF2-40B4-BE49-F238E27FC236}">
                    <a16:creationId xmlns:a16="http://schemas.microsoft.com/office/drawing/2014/main" id="{379119C1-1C91-D646-CBA4-BCEA43458D6E}"/>
                  </a:ext>
                </a:extLst>
              </p14:cNvPr>
              <p14:cNvContentPartPr/>
              <p14:nvPr/>
            </p14:nvContentPartPr>
            <p14:xfrm>
              <a:off x="3417775" y="2027036"/>
              <a:ext cx="191520" cy="127440"/>
            </p14:xfrm>
          </p:contentPart>
        </mc:Choice>
        <mc:Fallback xmlns="">
          <p:pic>
            <p:nvPicPr>
              <p:cNvPr id="35" name="Ink 34">
                <a:extLst>
                  <a:ext uri="{FF2B5EF4-FFF2-40B4-BE49-F238E27FC236}">
                    <a16:creationId xmlns:a16="http://schemas.microsoft.com/office/drawing/2014/main" id="{379119C1-1C91-D646-CBA4-BCEA43458D6E}"/>
                  </a:ext>
                </a:extLst>
              </p:cNvPr>
              <p:cNvPicPr/>
              <p:nvPr/>
            </p:nvPicPr>
            <p:blipFill>
              <a:blip r:embed="rId49"/>
              <a:stretch>
                <a:fillRect/>
              </a:stretch>
            </p:blipFill>
            <p:spPr>
              <a:xfrm>
                <a:off x="3406955" y="2016236"/>
                <a:ext cx="212800" cy="1486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0">
            <p14:nvContentPartPr>
              <p14:cNvPr id="40" name="Ink 39">
                <a:extLst>
                  <a:ext uri="{FF2B5EF4-FFF2-40B4-BE49-F238E27FC236}">
                    <a16:creationId xmlns:a16="http://schemas.microsoft.com/office/drawing/2014/main" id="{12DDB93A-434D-37F0-C194-27EEEE2B9AD8}"/>
                  </a:ext>
                </a:extLst>
              </p14:cNvPr>
              <p14:cNvContentPartPr/>
              <p14:nvPr/>
            </p14:nvContentPartPr>
            <p14:xfrm>
              <a:off x="3721975" y="1916516"/>
              <a:ext cx="122760" cy="199080"/>
            </p14:xfrm>
          </p:contentPart>
        </mc:Choice>
        <mc:Fallback xmlns="">
          <p:pic>
            <p:nvPicPr>
              <p:cNvPr id="40" name="Ink 39">
                <a:extLst>
                  <a:ext uri="{FF2B5EF4-FFF2-40B4-BE49-F238E27FC236}">
                    <a16:creationId xmlns:a16="http://schemas.microsoft.com/office/drawing/2014/main" id="{12DDB93A-434D-37F0-C194-27EEEE2B9AD8}"/>
                  </a:ext>
                </a:extLst>
              </p:cNvPr>
              <p:cNvPicPr/>
              <p:nvPr/>
            </p:nvPicPr>
            <p:blipFill>
              <a:blip r:embed="rId51"/>
              <a:stretch>
                <a:fillRect/>
              </a:stretch>
            </p:blipFill>
            <p:spPr>
              <a:xfrm>
                <a:off x="3711175" y="1905716"/>
                <a:ext cx="144000" cy="220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2">
            <p14:nvContentPartPr>
              <p14:cNvPr id="15" name="Ink 14">
                <a:extLst>
                  <a:ext uri="{FF2B5EF4-FFF2-40B4-BE49-F238E27FC236}">
                    <a16:creationId xmlns:a16="http://schemas.microsoft.com/office/drawing/2014/main" id="{25CCD1E9-41E0-E0EC-6DAC-97C430DE4495}"/>
                  </a:ext>
                </a:extLst>
              </p14:cNvPr>
              <p14:cNvContentPartPr/>
              <p14:nvPr/>
            </p14:nvContentPartPr>
            <p14:xfrm>
              <a:off x="3591970" y="2325321"/>
              <a:ext cx="457200" cy="131040"/>
            </p14:xfrm>
          </p:contentPart>
        </mc:Choice>
        <mc:Fallback xmlns="">
          <p:pic>
            <p:nvPicPr>
              <p:cNvPr id="15" name="Ink 14">
                <a:extLst>
                  <a:ext uri="{FF2B5EF4-FFF2-40B4-BE49-F238E27FC236}">
                    <a16:creationId xmlns:a16="http://schemas.microsoft.com/office/drawing/2014/main" id="{25CCD1E9-41E0-E0EC-6DAC-97C430DE4495}"/>
                  </a:ext>
                </a:extLst>
              </p:cNvPr>
              <p:cNvPicPr/>
              <p:nvPr/>
            </p:nvPicPr>
            <p:blipFill>
              <a:blip r:embed="rId53"/>
              <a:stretch>
                <a:fillRect/>
              </a:stretch>
            </p:blipFill>
            <p:spPr>
              <a:xfrm>
                <a:off x="3581170" y="2314521"/>
                <a:ext cx="478440" cy="152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4">
            <p14:nvContentPartPr>
              <p14:cNvPr id="27" name="Ink 26">
                <a:extLst>
                  <a:ext uri="{FF2B5EF4-FFF2-40B4-BE49-F238E27FC236}">
                    <a16:creationId xmlns:a16="http://schemas.microsoft.com/office/drawing/2014/main" id="{BFEE8B09-8A2F-970C-2434-0C68F52B67A2}"/>
                  </a:ext>
                </a:extLst>
              </p14:cNvPr>
              <p14:cNvContentPartPr/>
              <p14:nvPr/>
            </p14:nvContentPartPr>
            <p14:xfrm>
              <a:off x="4119730" y="2346201"/>
              <a:ext cx="50760" cy="50760"/>
            </p14:xfrm>
          </p:contentPart>
        </mc:Choice>
        <mc:Fallback xmlns="">
          <p:pic>
            <p:nvPicPr>
              <p:cNvPr id="27" name="Ink 26">
                <a:extLst>
                  <a:ext uri="{FF2B5EF4-FFF2-40B4-BE49-F238E27FC236}">
                    <a16:creationId xmlns:a16="http://schemas.microsoft.com/office/drawing/2014/main" id="{BFEE8B09-8A2F-970C-2434-0C68F52B67A2}"/>
                  </a:ext>
                </a:extLst>
              </p:cNvPr>
              <p:cNvPicPr/>
              <p:nvPr/>
            </p:nvPicPr>
            <p:blipFill>
              <a:blip r:embed="rId55"/>
              <a:stretch>
                <a:fillRect/>
              </a:stretch>
            </p:blipFill>
            <p:spPr>
              <a:xfrm>
                <a:off x="4108930" y="2335401"/>
                <a:ext cx="72000" cy="72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6">
            <p14:nvContentPartPr>
              <p14:cNvPr id="28" name="Ink 27">
                <a:extLst>
                  <a:ext uri="{FF2B5EF4-FFF2-40B4-BE49-F238E27FC236}">
                    <a16:creationId xmlns:a16="http://schemas.microsoft.com/office/drawing/2014/main" id="{77766C7C-3878-7998-D1B7-32A853EBCC1F}"/>
                  </a:ext>
                </a:extLst>
              </p14:cNvPr>
              <p14:cNvContentPartPr/>
              <p14:nvPr/>
            </p14:nvContentPartPr>
            <p14:xfrm>
              <a:off x="4674490" y="2194641"/>
              <a:ext cx="71640" cy="243720"/>
            </p14:xfrm>
          </p:contentPart>
        </mc:Choice>
        <mc:Fallback xmlns="">
          <p:pic>
            <p:nvPicPr>
              <p:cNvPr id="28" name="Ink 27">
                <a:extLst>
                  <a:ext uri="{FF2B5EF4-FFF2-40B4-BE49-F238E27FC236}">
                    <a16:creationId xmlns:a16="http://schemas.microsoft.com/office/drawing/2014/main" id="{77766C7C-3878-7998-D1B7-32A853EBCC1F}"/>
                  </a:ext>
                </a:extLst>
              </p:cNvPr>
              <p:cNvPicPr/>
              <p:nvPr/>
            </p:nvPicPr>
            <p:blipFill>
              <a:blip r:embed="rId57"/>
              <a:stretch>
                <a:fillRect/>
              </a:stretch>
            </p:blipFill>
            <p:spPr>
              <a:xfrm>
                <a:off x="4663635" y="2183841"/>
                <a:ext cx="92987" cy="264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8">
            <p14:nvContentPartPr>
              <p14:cNvPr id="34" name="Ink 33">
                <a:extLst>
                  <a:ext uri="{FF2B5EF4-FFF2-40B4-BE49-F238E27FC236}">
                    <a16:creationId xmlns:a16="http://schemas.microsoft.com/office/drawing/2014/main" id="{6AD772C9-7485-54AD-3861-F42AEECD1E87}"/>
                  </a:ext>
                </a:extLst>
              </p14:cNvPr>
              <p14:cNvContentPartPr/>
              <p14:nvPr/>
            </p14:nvContentPartPr>
            <p14:xfrm>
              <a:off x="4380730" y="2248281"/>
              <a:ext cx="222840" cy="172440"/>
            </p14:xfrm>
          </p:contentPart>
        </mc:Choice>
        <mc:Fallback xmlns="">
          <p:pic>
            <p:nvPicPr>
              <p:cNvPr id="34" name="Ink 33">
                <a:extLst>
                  <a:ext uri="{FF2B5EF4-FFF2-40B4-BE49-F238E27FC236}">
                    <a16:creationId xmlns:a16="http://schemas.microsoft.com/office/drawing/2014/main" id="{6AD772C9-7485-54AD-3861-F42AEECD1E87}"/>
                  </a:ext>
                </a:extLst>
              </p:cNvPr>
              <p:cNvPicPr/>
              <p:nvPr/>
            </p:nvPicPr>
            <p:blipFill>
              <a:blip r:embed="rId59"/>
              <a:stretch>
                <a:fillRect/>
              </a:stretch>
            </p:blipFill>
            <p:spPr>
              <a:xfrm>
                <a:off x="4369930" y="2237481"/>
                <a:ext cx="244080" cy="1936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0">
            <p14:nvContentPartPr>
              <p14:cNvPr id="42" name="Ink 41">
                <a:extLst>
                  <a:ext uri="{FF2B5EF4-FFF2-40B4-BE49-F238E27FC236}">
                    <a16:creationId xmlns:a16="http://schemas.microsoft.com/office/drawing/2014/main" id="{0934960F-9C8F-8779-B771-C336E215113D}"/>
                  </a:ext>
                </a:extLst>
              </p14:cNvPr>
              <p14:cNvContentPartPr/>
              <p14:nvPr/>
            </p14:nvContentPartPr>
            <p14:xfrm>
              <a:off x="4244290" y="2248281"/>
              <a:ext cx="107280" cy="136800"/>
            </p14:xfrm>
          </p:contentPart>
        </mc:Choice>
        <mc:Fallback xmlns="">
          <p:pic>
            <p:nvPicPr>
              <p:cNvPr id="42" name="Ink 41">
                <a:extLst>
                  <a:ext uri="{FF2B5EF4-FFF2-40B4-BE49-F238E27FC236}">
                    <a16:creationId xmlns:a16="http://schemas.microsoft.com/office/drawing/2014/main" id="{0934960F-9C8F-8779-B771-C336E215113D}"/>
                  </a:ext>
                </a:extLst>
              </p:cNvPr>
              <p:cNvPicPr/>
              <p:nvPr/>
            </p:nvPicPr>
            <p:blipFill>
              <a:blip r:embed="rId61"/>
              <a:stretch>
                <a:fillRect/>
              </a:stretch>
            </p:blipFill>
            <p:spPr>
              <a:xfrm>
                <a:off x="4233454" y="2237481"/>
                <a:ext cx="128592" cy="158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2">
            <p14:nvContentPartPr>
              <p14:cNvPr id="51" name="Ink 50">
                <a:extLst>
                  <a:ext uri="{FF2B5EF4-FFF2-40B4-BE49-F238E27FC236}">
                    <a16:creationId xmlns:a16="http://schemas.microsoft.com/office/drawing/2014/main" id="{613DD3DE-C814-9938-91BC-412A38C5E7D9}"/>
                  </a:ext>
                </a:extLst>
              </p14:cNvPr>
              <p14:cNvContentPartPr/>
              <p14:nvPr/>
            </p14:nvContentPartPr>
            <p14:xfrm>
              <a:off x="4772410" y="2310561"/>
              <a:ext cx="234360" cy="145440"/>
            </p14:xfrm>
          </p:contentPart>
        </mc:Choice>
        <mc:Fallback xmlns="">
          <p:pic>
            <p:nvPicPr>
              <p:cNvPr id="51" name="Ink 50">
                <a:extLst>
                  <a:ext uri="{FF2B5EF4-FFF2-40B4-BE49-F238E27FC236}">
                    <a16:creationId xmlns:a16="http://schemas.microsoft.com/office/drawing/2014/main" id="{613DD3DE-C814-9938-91BC-412A38C5E7D9}"/>
                  </a:ext>
                </a:extLst>
              </p:cNvPr>
              <p:cNvPicPr/>
              <p:nvPr/>
            </p:nvPicPr>
            <p:blipFill>
              <a:blip r:embed="rId63"/>
              <a:stretch>
                <a:fillRect/>
              </a:stretch>
            </p:blipFill>
            <p:spPr>
              <a:xfrm>
                <a:off x="4761627" y="2299788"/>
                <a:ext cx="255567" cy="16662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4">
            <p14:nvContentPartPr>
              <p14:cNvPr id="57" name="Ink 56">
                <a:extLst>
                  <a:ext uri="{FF2B5EF4-FFF2-40B4-BE49-F238E27FC236}">
                    <a16:creationId xmlns:a16="http://schemas.microsoft.com/office/drawing/2014/main" id="{CEBDC272-4B99-CF04-696B-16E8D27E7473}"/>
                  </a:ext>
                </a:extLst>
              </p14:cNvPr>
              <p14:cNvContentPartPr/>
              <p14:nvPr/>
            </p14:nvContentPartPr>
            <p14:xfrm>
              <a:off x="5062930" y="2319201"/>
              <a:ext cx="113040" cy="71640"/>
            </p14:xfrm>
          </p:contentPart>
        </mc:Choice>
        <mc:Fallback xmlns="">
          <p:pic>
            <p:nvPicPr>
              <p:cNvPr id="57" name="Ink 56">
                <a:extLst>
                  <a:ext uri="{FF2B5EF4-FFF2-40B4-BE49-F238E27FC236}">
                    <a16:creationId xmlns:a16="http://schemas.microsoft.com/office/drawing/2014/main" id="{CEBDC272-4B99-CF04-696B-16E8D27E7473}"/>
                  </a:ext>
                </a:extLst>
              </p:cNvPr>
              <p:cNvPicPr/>
              <p:nvPr/>
            </p:nvPicPr>
            <p:blipFill>
              <a:blip r:embed="rId65"/>
              <a:stretch>
                <a:fillRect/>
              </a:stretch>
            </p:blipFill>
            <p:spPr>
              <a:xfrm>
                <a:off x="5052130" y="2308401"/>
                <a:ext cx="134280" cy="92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6">
            <p14:nvContentPartPr>
              <p14:cNvPr id="58" name="Ink 57">
                <a:extLst>
                  <a:ext uri="{FF2B5EF4-FFF2-40B4-BE49-F238E27FC236}">
                    <a16:creationId xmlns:a16="http://schemas.microsoft.com/office/drawing/2014/main" id="{CFD709FA-347E-DFC6-459A-1A0E1983C2D4}"/>
                  </a:ext>
                </a:extLst>
              </p14:cNvPr>
              <p14:cNvContentPartPr/>
              <p14:nvPr/>
            </p14:nvContentPartPr>
            <p14:xfrm>
              <a:off x="5229250" y="2192121"/>
              <a:ext cx="38880" cy="267120"/>
            </p14:xfrm>
          </p:contentPart>
        </mc:Choice>
        <mc:Fallback xmlns="">
          <p:pic>
            <p:nvPicPr>
              <p:cNvPr id="58" name="Ink 57">
                <a:extLst>
                  <a:ext uri="{FF2B5EF4-FFF2-40B4-BE49-F238E27FC236}">
                    <a16:creationId xmlns:a16="http://schemas.microsoft.com/office/drawing/2014/main" id="{CFD709FA-347E-DFC6-459A-1A0E1983C2D4}"/>
                  </a:ext>
                </a:extLst>
              </p:cNvPr>
              <p:cNvPicPr/>
              <p:nvPr/>
            </p:nvPicPr>
            <p:blipFill>
              <a:blip r:embed="rId67"/>
              <a:stretch>
                <a:fillRect/>
              </a:stretch>
            </p:blipFill>
            <p:spPr>
              <a:xfrm>
                <a:off x="5218450" y="2181306"/>
                <a:ext cx="60120" cy="28838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8">
            <p14:nvContentPartPr>
              <p14:cNvPr id="21" name="Ink 20">
                <a:extLst>
                  <a:ext uri="{FF2B5EF4-FFF2-40B4-BE49-F238E27FC236}">
                    <a16:creationId xmlns:a16="http://schemas.microsoft.com/office/drawing/2014/main" id="{75B23748-8BAC-B8D6-0B87-2196749F99B3}"/>
                  </a:ext>
                </a:extLst>
              </p14:cNvPr>
              <p14:cNvContentPartPr/>
              <p14:nvPr/>
            </p14:nvContentPartPr>
            <p14:xfrm>
              <a:off x="3915590" y="2555700"/>
              <a:ext cx="190800" cy="217440"/>
            </p14:xfrm>
          </p:contentPart>
        </mc:Choice>
        <mc:Fallback xmlns="">
          <p:pic>
            <p:nvPicPr>
              <p:cNvPr id="21" name="Ink 20">
                <a:extLst>
                  <a:ext uri="{FF2B5EF4-FFF2-40B4-BE49-F238E27FC236}">
                    <a16:creationId xmlns:a16="http://schemas.microsoft.com/office/drawing/2014/main" id="{75B23748-8BAC-B8D6-0B87-2196749F99B3}"/>
                  </a:ext>
                </a:extLst>
              </p:cNvPr>
              <p:cNvPicPr/>
              <p:nvPr/>
            </p:nvPicPr>
            <p:blipFill>
              <a:blip r:embed="rId69"/>
              <a:stretch>
                <a:fillRect/>
              </a:stretch>
            </p:blipFill>
            <p:spPr>
              <a:xfrm>
                <a:off x="3904790" y="2544900"/>
                <a:ext cx="212040" cy="2386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0">
            <p14:nvContentPartPr>
              <p14:cNvPr id="44" name="Ink 43">
                <a:extLst>
                  <a:ext uri="{FF2B5EF4-FFF2-40B4-BE49-F238E27FC236}">
                    <a16:creationId xmlns:a16="http://schemas.microsoft.com/office/drawing/2014/main" id="{B5404421-4F68-1750-EBC3-0B19A98EBA6D}"/>
                  </a:ext>
                </a:extLst>
              </p14:cNvPr>
              <p14:cNvContentPartPr/>
              <p14:nvPr/>
            </p14:nvContentPartPr>
            <p14:xfrm>
              <a:off x="4185590" y="2545260"/>
              <a:ext cx="418320" cy="286200"/>
            </p14:xfrm>
          </p:contentPart>
        </mc:Choice>
        <mc:Fallback xmlns="">
          <p:pic>
            <p:nvPicPr>
              <p:cNvPr id="44" name="Ink 43">
                <a:extLst>
                  <a:ext uri="{FF2B5EF4-FFF2-40B4-BE49-F238E27FC236}">
                    <a16:creationId xmlns:a16="http://schemas.microsoft.com/office/drawing/2014/main" id="{B5404421-4F68-1750-EBC3-0B19A98EBA6D}"/>
                  </a:ext>
                </a:extLst>
              </p:cNvPr>
              <p:cNvPicPr/>
              <p:nvPr/>
            </p:nvPicPr>
            <p:blipFill>
              <a:blip r:embed="rId71"/>
              <a:stretch>
                <a:fillRect/>
              </a:stretch>
            </p:blipFill>
            <p:spPr>
              <a:xfrm>
                <a:off x="4174799" y="2534460"/>
                <a:ext cx="439542" cy="307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2">
            <p14:nvContentPartPr>
              <p14:cNvPr id="48" name="Ink 47">
                <a:extLst>
                  <a:ext uri="{FF2B5EF4-FFF2-40B4-BE49-F238E27FC236}">
                    <a16:creationId xmlns:a16="http://schemas.microsoft.com/office/drawing/2014/main" id="{E9D26D85-6497-C155-21D9-C89C3CCAF3D4}"/>
                  </a:ext>
                </a:extLst>
              </p14:cNvPr>
              <p14:cNvContentPartPr/>
              <p14:nvPr/>
            </p14:nvContentPartPr>
            <p14:xfrm>
              <a:off x="4672310" y="2671980"/>
              <a:ext cx="175320" cy="154080"/>
            </p14:xfrm>
          </p:contentPart>
        </mc:Choice>
        <mc:Fallback xmlns="">
          <p:pic>
            <p:nvPicPr>
              <p:cNvPr id="48" name="Ink 47">
                <a:extLst>
                  <a:ext uri="{FF2B5EF4-FFF2-40B4-BE49-F238E27FC236}">
                    <a16:creationId xmlns:a16="http://schemas.microsoft.com/office/drawing/2014/main" id="{E9D26D85-6497-C155-21D9-C89C3CCAF3D4}"/>
                  </a:ext>
                </a:extLst>
              </p:cNvPr>
              <p:cNvPicPr/>
              <p:nvPr/>
            </p:nvPicPr>
            <p:blipFill>
              <a:blip r:embed="rId73"/>
              <a:stretch>
                <a:fillRect/>
              </a:stretch>
            </p:blipFill>
            <p:spPr>
              <a:xfrm>
                <a:off x="4661488" y="2661155"/>
                <a:ext cx="196604" cy="17537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4">
            <p14:nvContentPartPr>
              <p14:cNvPr id="59" name="Ink 58">
                <a:extLst>
                  <a:ext uri="{FF2B5EF4-FFF2-40B4-BE49-F238E27FC236}">
                    <a16:creationId xmlns:a16="http://schemas.microsoft.com/office/drawing/2014/main" id="{71EE4797-BF48-2867-F48B-768BA75BE470}"/>
                  </a:ext>
                </a:extLst>
              </p14:cNvPr>
              <p14:cNvContentPartPr/>
              <p14:nvPr/>
            </p14:nvContentPartPr>
            <p14:xfrm>
              <a:off x="4809830" y="2571540"/>
              <a:ext cx="339120" cy="259560"/>
            </p14:xfrm>
          </p:contentPart>
        </mc:Choice>
        <mc:Fallback xmlns="">
          <p:pic>
            <p:nvPicPr>
              <p:cNvPr id="59" name="Ink 58">
                <a:extLst>
                  <a:ext uri="{FF2B5EF4-FFF2-40B4-BE49-F238E27FC236}">
                    <a16:creationId xmlns:a16="http://schemas.microsoft.com/office/drawing/2014/main" id="{71EE4797-BF48-2867-F48B-768BA75BE470}"/>
                  </a:ext>
                </a:extLst>
              </p:cNvPr>
              <p:cNvPicPr/>
              <p:nvPr/>
            </p:nvPicPr>
            <p:blipFill>
              <a:blip r:embed="rId75"/>
              <a:stretch>
                <a:fillRect/>
              </a:stretch>
            </p:blipFill>
            <p:spPr>
              <a:xfrm>
                <a:off x="4799030" y="2560740"/>
                <a:ext cx="360360" cy="280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6">
            <p14:nvContentPartPr>
              <p14:cNvPr id="64" name="Ink 63">
                <a:extLst>
                  <a:ext uri="{FF2B5EF4-FFF2-40B4-BE49-F238E27FC236}">
                    <a16:creationId xmlns:a16="http://schemas.microsoft.com/office/drawing/2014/main" id="{72F3A91D-187A-873F-620D-15FEDBF4ECC5}"/>
                  </a:ext>
                </a:extLst>
              </p14:cNvPr>
              <p14:cNvContentPartPr/>
              <p14:nvPr/>
            </p14:nvContentPartPr>
            <p14:xfrm>
              <a:off x="5789030" y="2645700"/>
              <a:ext cx="174960" cy="164520"/>
            </p14:xfrm>
          </p:contentPart>
        </mc:Choice>
        <mc:Fallback xmlns="">
          <p:pic>
            <p:nvPicPr>
              <p:cNvPr id="64" name="Ink 63">
                <a:extLst>
                  <a:ext uri="{FF2B5EF4-FFF2-40B4-BE49-F238E27FC236}">
                    <a16:creationId xmlns:a16="http://schemas.microsoft.com/office/drawing/2014/main" id="{72F3A91D-187A-873F-620D-15FEDBF4ECC5}"/>
                  </a:ext>
                </a:extLst>
              </p:cNvPr>
              <p:cNvPicPr/>
              <p:nvPr/>
            </p:nvPicPr>
            <p:blipFill>
              <a:blip r:embed="rId77"/>
              <a:stretch>
                <a:fillRect/>
              </a:stretch>
            </p:blipFill>
            <p:spPr>
              <a:xfrm>
                <a:off x="5778230" y="2634900"/>
                <a:ext cx="196200" cy="185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8">
            <p14:nvContentPartPr>
              <p14:cNvPr id="70" name="Ink 69">
                <a:extLst>
                  <a:ext uri="{FF2B5EF4-FFF2-40B4-BE49-F238E27FC236}">
                    <a16:creationId xmlns:a16="http://schemas.microsoft.com/office/drawing/2014/main" id="{9086CD18-32F3-7DF2-7E45-3517F6FD62E6}"/>
                  </a:ext>
                </a:extLst>
              </p14:cNvPr>
              <p14:cNvContentPartPr/>
              <p14:nvPr/>
            </p14:nvContentPartPr>
            <p14:xfrm>
              <a:off x="6095750" y="2486940"/>
              <a:ext cx="254520" cy="344520"/>
            </p14:xfrm>
          </p:contentPart>
        </mc:Choice>
        <mc:Fallback xmlns="">
          <p:pic>
            <p:nvPicPr>
              <p:cNvPr id="70" name="Ink 69">
                <a:extLst>
                  <a:ext uri="{FF2B5EF4-FFF2-40B4-BE49-F238E27FC236}">
                    <a16:creationId xmlns:a16="http://schemas.microsoft.com/office/drawing/2014/main" id="{9086CD18-32F3-7DF2-7E45-3517F6FD62E6}"/>
                  </a:ext>
                </a:extLst>
              </p:cNvPr>
              <p:cNvPicPr/>
              <p:nvPr/>
            </p:nvPicPr>
            <p:blipFill>
              <a:blip r:embed="rId79"/>
              <a:stretch>
                <a:fillRect/>
              </a:stretch>
            </p:blipFill>
            <p:spPr>
              <a:xfrm>
                <a:off x="6084935" y="2476140"/>
                <a:ext cx="275790" cy="365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0">
            <p14:nvContentPartPr>
              <p14:cNvPr id="75" name="Ink 74">
                <a:extLst>
                  <a:ext uri="{FF2B5EF4-FFF2-40B4-BE49-F238E27FC236}">
                    <a16:creationId xmlns:a16="http://schemas.microsoft.com/office/drawing/2014/main" id="{8BBCD609-1766-899A-8176-41B8D5A21AEC}"/>
                  </a:ext>
                </a:extLst>
              </p14:cNvPr>
              <p14:cNvContentPartPr/>
              <p14:nvPr/>
            </p14:nvContentPartPr>
            <p14:xfrm>
              <a:off x="5157941" y="2403524"/>
              <a:ext cx="36360" cy="29160"/>
            </p14:xfrm>
          </p:contentPart>
        </mc:Choice>
        <mc:Fallback xmlns="">
          <p:pic>
            <p:nvPicPr>
              <p:cNvPr id="75" name="Ink 74">
                <a:extLst>
                  <a:ext uri="{FF2B5EF4-FFF2-40B4-BE49-F238E27FC236}">
                    <a16:creationId xmlns:a16="http://schemas.microsoft.com/office/drawing/2014/main" id="{8BBCD609-1766-899A-8176-41B8D5A21AEC}"/>
                  </a:ext>
                </a:extLst>
              </p:cNvPr>
              <p:cNvPicPr/>
              <p:nvPr/>
            </p:nvPicPr>
            <p:blipFill>
              <a:blip r:embed="rId81"/>
              <a:stretch>
                <a:fillRect/>
              </a:stretch>
            </p:blipFill>
            <p:spPr>
              <a:xfrm>
                <a:off x="5147141" y="2392724"/>
                <a:ext cx="57600" cy="50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2">
            <p14:nvContentPartPr>
              <p14:cNvPr id="79" name="Ink 78">
                <a:extLst>
                  <a:ext uri="{FF2B5EF4-FFF2-40B4-BE49-F238E27FC236}">
                    <a16:creationId xmlns:a16="http://schemas.microsoft.com/office/drawing/2014/main" id="{60FABA47-2A6A-F848-32F3-48A5082834A9}"/>
                  </a:ext>
                </a:extLst>
              </p14:cNvPr>
              <p14:cNvContentPartPr/>
              <p14:nvPr/>
            </p14:nvContentPartPr>
            <p14:xfrm>
              <a:off x="5279238" y="2647978"/>
              <a:ext cx="221040" cy="142200"/>
            </p14:xfrm>
          </p:contentPart>
        </mc:Choice>
        <mc:Fallback xmlns="">
          <p:pic>
            <p:nvPicPr>
              <p:cNvPr id="79" name="Ink 78">
                <a:extLst>
                  <a:ext uri="{FF2B5EF4-FFF2-40B4-BE49-F238E27FC236}">
                    <a16:creationId xmlns:a16="http://schemas.microsoft.com/office/drawing/2014/main" id="{60FABA47-2A6A-F848-32F3-48A5082834A9}"/>
                  </a:ext>
                </a:extLst>
              </p:cNvPr>
              <p:cNvPicPr/>
              <p:nvPr/>
            </p:nvPicPr>
            <p:blipFill>
              <a:blip r:embed="rId83"/>
              <a:stretch>
                <a:fillRect/>
              </a:stretch>
            </p:blipFill>
            <p:spPr>
              <a:xfrm>
                <a:off x="5268456" y="2637151"/>
                <a:ext cx="242245" cy="163494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4">
            <p14:nvContentPartPr>
              <p14:cNvPr id="83" name="Ink 82">
                <a:extLst>
                  <a:ext uri="{FF2B5EF4-FFF2-40B4-BE49-F238E27FC236}">
                    <a16:creationId xmlns:a16="http://schemas.microsoft.com/office/drawing/2014/main" id="{E6D51CCB-CC7D-66E4-2C84-2BA72ED81338}"/>
                  </a:ext>
                </a:extLst>
              </p14:cNvPr>
              <p14:cNvContentPartPr/>
              <p14:nvPr/>
            </p14:nvContentPartPr>
            <p14:xfrm>
              <a:off x="6494598" y="2686138"/>
              <a:ext cx="221400" cy="162720"/>
            </p14:xfrm>
          </p:contentPart>
        </mc:Choice>
        <mc:Fallback xmlns="">
          <p:pic>
            <p:nvPicPr>
              <p:cNvPr id="83" name="Ink 82">
                <a:extLst>
                  <a:ext uri="{FF2B5EF4-FFF2-40B4-BE49-F238E27FC236}">
                    <a16:creationId xmlns:a16="http://schemas.microsoft.com/office/drawing/2014/main" id="{E6D51CCB-CC7D-66E4-2C84-2BA72ED81338}"/>
                  </a:ext>
                </a:extLst>
              </p:cNvPr>
              <p:cNvPicPr/>
              <p:nvPr/>
            </p:nvPicPr>
            <p:blipFill>
              <a:blip r:embed="rId85"/>
              <a:stretch>
                <a:fillRect/>
              </a:stretch>
            </p:blipFill>
            <p:spPr>
              <a:xfrm>
                <a:off x="6483798" y="2675338"/>
                <a:ext cx="242640" cy="183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6">
            <p14:nvContentPartPr>
              <p14:cNvPr id="86" name="Ink 85">
                <a:extLst>
                  <a:ext uri="{FF2B5EF4-FFF2-40B4-BE49-F238E27FC236}">
                    <a16:creationId xmlns:a16="http://schemas.microsoft.com/office/drawing/2014/main" id="{2E797AD0-A94C-EBF2-5E87-B454F59323C2}"/>
                  </a:ext>
                </a:extLst>
              </p14:cNvPr>
              <p14:cNvContentPartPr/>
              <p14:nvPr/>
            </p14:nvContentPartPr>
            <p14:xfrm>
              <a:off x="6884478" y="2699818"/>
              <a:ext cx="83160" cy="59040"/>
            </p14:xfrm>
          </p:contentPart>
        </mc:Choice>
        <mc:Fallback xmlns="">
          <p:pic>
            <p:nvPicPr>
              <p:cNvPr id="86" name="Ink 85">
                <a:extLst>
                  <a:ext uri="{FF2B5EF4-FFF2-40B4-BE49-F238E27FC236}">
                    <a16:creationId xmlns:a16="http://schemas.microsoft.com/office/drawing/2014/main" id="{2E797AD0-A94C-EBF2-5E87-B454F59323C2}"/>
                  </a:ext>
                </a:extLst>
              </p:cNvPr>
              <p:cNvPicPr/>
              <p:nvPr/>
            </p:nvPicPr>
            <p:blipFill>
              <a:blip r:embed="rId87"/>
              <a:stretch>
                <a:fillRect/>
              </a:stretch>
            </p:blipFill>
            <p:spPr>
              <a:xfrm>
                <a:off x="6873678" y="2689018"/>
                <a:ext cx="104400" cy="80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8">
            <p14:nvContentPartPr>
              <p14:cNvPr id="87" name="Ink 86">
                <a:extLst>
                  <a:ext uri="{FF2B5EF4-FFF2-40B4-BE49-F238E27FC236}">
                    <a16:creationId xmlns:a16="http://schemas.microsoft.com/office/drawing/2014/main" id="{ED54E9EA-1A55-438A-D088-7BA553FE4D53}"/>
                  </a:ext>
                </a:extLst>
              </p14:cNvPr>
              <p14:cNvContentPartPr/>
              <p14:nvPr/>
            </p14:nvContentPartPr>
            <p14:xfrm>
              <a:off x="7084998" y="2592898"/>
              <a:ext cx="114480" cy="217800"/>
            </p14:xfrm>
          </p:contentPart>
        </mc:Choice>
        <mc:Fallback xmlns="">
          <p:pic>
            <p:nvPicPr>
              <p:cNvPr id="87" name="Ink 86">
                <a:extLst>
                  <a:ext uri="{FF2B5EF4-FFF2-40B4-BE49-F238E27FC236}">
                    <a16:creationId xmlns:a16="http://schemas.microsoft.com/office/drawing/2014/main" id="{ED54E9EA-1A55-438A-D088-7BA553FE4D53}"/>
                  </a:ext>
                </a:extLst>
              </p:cNvPr>
              <p:cNvPicPr/>
              <p:nvPr/>
            </p:nvPicPr>
            <p:blipFill>
              <a:blip r:embed="rId89"/>
              <a:stretch>
                <a:fillRect/>
              </a:stretch>
            </p:blipFill>
            <p:spPr>
              <a:xfrm>
                <a:off x="7074198" y="2582116"/>
                <a:ext cx="135720" cy="23900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0">
            <p14:nvContentPartPr>
              <p14:cNvPr id="96" name="Ink 95">
                <a:extLst>
                  <a:ext uri="{FF2B5EF4-FFF2-40B4-BE49-F238E27FC236}">
                    <a16:creationId xmlns:a16="http://schemas.microsoft.com/office/drawing/2014/main" id="{89C6FB42-8686-DB11-EC48-3B33B5E018FA}"/>
                  </a:ext>
                </a:extLst>
              </p14:cNvPr>
              <p14:cNvContentPartPr/>
              <p14:nvPr/>
            </p14:nvContentPartPr>
            <p14:xfrm>
              <a:off x="7530318" y="2596138"/>
              <a:ext cx="200520" cy="266400"/>
            </p14:xfrm>
          </p:contentPart>
        </mc:Choice>
        <mc:Fallback xmlns="">
          <p:pic>
            <p:nvPicPr>
              <p:cNvPr id="96" name="Ink 95">
                <a:extLst>
                  <a:ext uri="{FF2B5EF4-FFF2-40B4-BE49-F238E27FC236}">
                    <a16:creationId xmlns:a16="http://schemas.microsoft.com/office/drawing/2014/main" id="{89C6FB42-8686-DB11-EC48-3B33B5E018FA}"/>
                  </a:ext>
                </a:extLst>
              </p:cNvPr>
              <p:cNvPicPr/>
              <p:nvPr/>
            </p:nvPicPr>
            <p:blipFill>
              <a:blip r:embed="rId91"/>
              <a:stretch>
                <a:fillRect/>
              </a:stretch>
            </p:blipFill>
            <p:spPr>
              <a:xfrm>
                <a:off x="7519537" y="2585323"/>
                <a:ext cx="221722" cy="28766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2">
            <p14:nvContentPartPr>
              <p14:cNvPr id="99" name="Ink 98">
                <a:extLst>
                  <a:ext uri="{FF2B5EF4-FFF2-40B4-BE49-F238E27FC236}">
                    <a16:creationId xmlns:a16="http://schemas.microsoft.com/office/drawing/2014/main" id="{91CEBBE1-4CE3-5304-5BE9-D632782B80DC}"/>
                  </a:ext>
                </a:extLst>
              </p14:cNvPr>
              <p14:cNvContentPartPr/>
              <p14:nvPr/>
            </p14:nvContentPartPr>
            <p14:xfrm>
              <a:off x="6446358" y="3017698"/>
              <a:ext cx="176040" cy="304200"/>
            </p14:xfrm>
          </p:contentPart>
        </mc:Choice>
        <mc:Fallback xmlns="">
          <p:pic>
            <p:nvPicPr>
              <p:cNvPr id="99" name="Ink 98">
                <a:extLst>
                  <a:ext uri="{FF2B5EF4-FFF2-40B4-BE49-F238E27FC236}">
                    <a16:creationId xmlns:a16="http://schemas.microsoft.com/office/drawing/2014/main" id="{91CEBBE1-4CE3-5304-5BE9-D632782B80DC}"/>
                  </a:ext>
                </a:extLst>
              </p:cNvPr>
              <p:cNvPicPr/>
              <p:nvPr/>
            </p:nvPicPr>
            <p:blipFill>
              <a:blip r:embed="rId93"/>
              <a:stretch>
                <a:fillRect/>
              </a:stretch>
            </p:blipFill>
            <p:spPr>
              <a:xfrm>
                <a:off x="6435558" y="3006898"/>
                <a:ext cx="197280" cy="325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4">
            <p14:nvContentPartPr>
              <p14:cNvPr id="104" name="Ink 103">
                <a:extLst>
                  <a:ext uri="{FF2B5EF4-FFF2-40B4-BE49-F238E27FC236}">
                    <a16:creationId xmlns:a16="http://schemas.microsoft.com/office/drawing/2014/main" id="{A3F86E26-9969-381A-1499-52737B196207}"/>
                  </a:ext>
                </a:extLst>
              </p14:cNvPr>
              <p14:cNvContentPartPr/>
              <p14:nvPr/>
            </p14:nvContentPartPr>
            <p14:xfrm>
              <a:off x="6701598" y="3034618"/>
              <a:ext cx="290520" cy="317880"/>
            </p14:xfrm>
          </p:contentPart>
        </mc:Choice>
        <mc:Fallback xmlns="">
          <p:pic>
            <p:nvPicPr>
              <p:cNvPr id="104" name="Ink 103">
                <a:extLst>
                  <a:ext uri="{FF2B5EF4-FFF2-40B4-BE49-F238E27FC236}">
                    <a16:creationId xmlns:a16="http://schemas.microsoft.com/office/drawing/2014/main" id="{A3F86E26-9969-381A-1499-52737B196207}"/>
                  </a:ext>
                </a:extLst>
              </p:cNvPr>
              <p:cNvPicPr/>
              <p:nvPr/>
            </p:nvPicPr>
            <p:blipFill>
              <a:blip r:embed="rId95"/>
              <a:stretch>
                <a:fillRect/>
              </a:stretch>
            </p:blipFill>
            <p:spPr>
              <a:xfrm>
                <a:off x="6690785" y="3023818"/>
                <a:ext cx="311786" cy="3391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6">
            <p14:nvContentPartPr>
              <p14:cNvPr id="112" name="Ink 111">
                <a:extLst>
                  <a:ext uri="{FF2B5EF4-FFF2-40B4-BE49-F238E27FC236}">
                    <a16:creationId xmlns:a16="http://schemas.microsoft.com/office/drawing/2014/main" id="{D5ACA8F3-B66C-AFA4-CADA-1D0188DAAF9C}"/>
                  </a:ext>
                </a:extLst>
              </p14:cNvPr>
              <p14:cNvContentPartPr/>
              <p14:nvPr/>
            </p14:nvContentPartPr>
            <p14:xfrm>
              <a:off x="7074558" y="3034618"/>
              <a:ext cx="511200" cy="311040"/>
            </p14:xfrm>
          </p:contentPart>
        </mc:Choice>
        <mc:Fallback xmlns="">
          <p:pic>
            <p:nvPicPr>
              <p:cNvPr id="112" name="Ink 111">
                <a:extLst>
                  <a:ext uri="{FF2B5EF4-FFF2-40B4-BE49-F238E27FC236}">
                    <a16:creationId xmlns:a16="http://schemas.microsoft.com/office/drawing/2014/main" id="{D5ACA8F3-B66C-AFA4-CADA-1D0188DAAF9C}"/>
                  </a:ext>
                </a:extLst>
              </p:cNvPr>
              <p:cNvPicPr/>
              <p:nvPr/>
            </p:nvPicPr>
            <p:blipFill>
              <a:blip r:embed="rId97"/>
              <a:stretch>
                <a:fillRect/>
              </a:stretch>
            </p:blipFill>
            <p:spPr>
              <a:xfrm>
                <a:off x="7063766" y="3023818"/>
                <a:ext cx="532425" cy="332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8">
            <p14:nvContentPartPr>
              <p14:cNvPr id="113" name="Ink 112">
                <a:extLst>
                  <a:ext uri="{FF2B5EF4-FFF2-40B4-BE49-F238E27FC236}">
                    <a16:creationId xmlns:a16="http://schemas.microsoft.com/office/drawing/2014/main" id="{C4DB8E08-3633-30FF-AA39-82EF121D14F5}"/>
                  </a:ext>
                </a:extLst>
              </p14:cNvPr>
              <p14:cNvContentPartPr/>
              <p14:nvPr/>
            </p14:nvContentPartPr>
            <p14:xfrm>
              <a:off x="7661358" y="3173218"/>
              <a:ext cx="112320" cy="307440"/>
            </p14:xfrm>
          </p:contentPart>
        </mc:Choice>
        <mc:Fallback xmlns="">
          <p:pic>
            <p:nvPicPr>
              <p:cNvPr id="113" name="Ink 112">
                <a:extLst>
                  <a:ext uri="{FF2B5EF4-FFF2-40B4-BE49-F238E27FC236}">
                    <a16:creationId xmlns:a16="http://schemas.microsoft.com/office/drawing/2014/main" id="{C4DB8E08-3633-30FF-AA39-82EF121D14F5}"/>
                  </a:ext>
                </a:extLst>
              </p:cNvPr>
              <p:cNvPicPr/>
              <p:nvPr/>
            </p:nvPicPr>
            <p:blipFill>
              <a:blip r:embed="rId99"/>
              <a:stretch>
                <a:fillRect/>
              </a:stretch>
            </p:blipFill>
            <p:spPr>
              <a:xfrm>
                <a:off x="7650558" y="3162405"/>
                <a:ext cx="133560" cy="32870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0">
            <p14:nvContentPartPr>
              <p14:cNvPr id="117" name="Ink 116">
                <a:extLst>
                  <a:ext uri="{FF2B5EF4-FFF2-40B4-BE49-F238E27FC236}">
                    <a16:creationId xmlns:a16="http://schemas.microsoft.com/office/drawing/2014/main" id="{8E91D09E-D665-0210-CAC8-D83FB50A8280}"/>
                  </a:ext>
                </a:extLst>
              </p14:cNvPr>
              <p14:cNvContentPartPr/>
              <p14:nvPr/>
            </p14:nvContentPartPr>
            <p14:xfrm>
              <a:off x="2634442" y="2551549"/>
              <a:ext cx="169560" cy="169560"/>
            </p14:xfrm>
          </p:contentPart>
        </mc:Choice>
        <mc:Fallback xmlns="">
          <p:pic>
            <p:nvPicPr>
              <p:cNvPr id="117" name="Ink 116">
                <a:extLst>
                  <a:ext uri="{FF2B5EF4-FFF2-40B4-BE49-F238E27FC236}">
                    <a16:creationId xmlns:a16="http://schemas.microsoft.com/office/drawing/2014/main" id="{8E91D09E-D665-0210-CAC8-D83FB50A8280}"/>
                  </a:ext>
                </a:extLst>
              </p:cNvPr>
              <p:cNvPicPr/>
              <p:nvPr/>
            </p:nvPicPr>
            <p:blipFill>
              <a:blip r:embed="rId101"/>
              <a:stretch>
                <a:fillRect/>
              </a:stretch>
            </p:blipFill>
            <p:spPr>
              <a:xfrm>
                <a:off x="2623642" y="2540749"/>
                <a:ext cx="190800" cy="190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2">
            <p14:nvContentPartPr>
              <p14:cNvPr id="125" name="Ink 124">
                <a:extLst>
                  <a:ext uri="{FF2B5EF4-FFF2-40B4-BE49-F238E27FC236}">
                    <a16:creationId xmlns:a16="http://schemas.microsoft.com/office/drawing/2014/main" id="{7009AFBF-9137-D6F2-C616-C709671BA37B}"/>
                  </a:ext>
                </a:extLst>
              </p14:cNvPr>
              <p14:cNvContentPartPr/>
              <p14:nvPr/>
            </p14:nvContentPartPr>
            <p14:xfrm>
              <a:off x="1719311" y="3411777"/>
              <a:ext cx="587520" cy="259920"/>
            </p14:xfrm>
          </p:contentPart>
        </mc:Choice>
        <mc:Fallback xmlns="">
          <p:pic>
            <p:nvPicPr>
              <p:cNvPr id="125" name="Ink 124">
                <a:extLst>
                  <a:ext uri="{FF2B5EF4-FFF2-40B4-BE49-F238E27FC236}">
                    <a16:creationId xmlns:a16="http://schemas.microsoft.com/office/drawing/2014/main" id="{7009AFBF-9137-D6F2-C616-C709671BA37B}"/>
                  </a:ext>
                </a:extLst>
              </p:cNvPr>
              <p:cNvPicPr/>
              <p:nvPr/>
            </p:nvPicPr>
            <p:blipFill>
              <a:blip r:embed="rId103"/>
              <a:stretch>
                <a:fillRect/>
              </a:stretch>
            </p:blipFill>
            <p:spPr>
              <a:xfrm>
                <a:off x="1708504" y="3400977"/>
                <a:ext cx="608773" cy="2811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4">
            <p14:nvContentPartPr>
              <p14:cNvPr id="132" name="Ink 131">
                <a:extLst>
                  <a:ext uri="{FF2B5EF4-FFF2-40B4-BE49-F238E27FC236}">
                    <a16:creationId xmlns:a16="http://schemas.microsoft.com/office/drawing/2014/main" id="{BA1A67DE-9BAD-2912-46EA-D9A6E7866C88}"/>
                  </a:ext>
                </a:extLst>
              </p14:cNvPr>
              <p14:cNvContentPartPr/>
              <p14:nvPr/>
            </p14:nvContentPartPr>
            <p14:xfrm>
              <a:off x="2395031" y="3377577"/>
              <a:ext cx="341640" cy="321120"/>
            </p14:xfrm>
          </p:contentPart>
        </mc:Choice>
        <mc:Fallback xmlns="">
          <p:pic>
            <p:nvPicPr>
              <p:cNvPr id="132" name="Ink 131">
                <a:extLst>
                  <a:ext uri="{FF2B5EF4-FFF2-40B4-BE49-F238E27FC236}">
                    <a16:creationId xmlns:a16="http://schemas.microsoft.com/office/drawing/2014/main" id="{BA1A67DE-9BAD-2912-46EA-D9A6E7866C88}"/>
                  </a:ext>
                </a:extLst>
              </p:cNvPr>
              <p:cNvPicPr/>
              <p:nvPr/>
            </p:nvPicPr>
            <p:blipFill>
              <a:blip r:embed="rId105"/>
              <a:stretch>
                <a:fillRect/>
              </a:stretch>
            </p:blipFill>
            <p:spPr>
              <a:xfrm>
                <a:off x="2384231" y="3366777"/>
                <a:ext cx="362880" cy="342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6">
            <p14:nvContentPartPr>
              <p14:cNvPr id="135" name="Ink 134">
                <a:extLst>
                  <a:ext uri="{FF2B5EF4-FFF2-40B4-BE49-F238E27FC236}">
                    <a16:creationId xmlns:a16="http://schemas.microsoft.com/office/drawing/2014/main" id="{AEE4ADD3-3496-520B-39F8-BE073B72AED6}"/>
                  </a:ext>
                </a:extLst>
              </p14:cNvPr>
              <p14:cNvContentPartPr/>
              <p14:nvPr/>
            </p14:nvContentPartPr>
            <p14:xfrm>
              <a:off x="2770151" y="3657297"/>
              <a:ext cx="51480" cy="27720"/>
            </p14:xfrm>
          </p:contentPart>
        </mc:Choice>
        <mc:Fallback xmlns="">
          <p:pic>
            <p:nvPicPr>
              <p:cNvPr id="135" name="Ink 134">
                <a:extLst>
                  <a:ext uri="{FF2B5EF4-FFF2-40B4-BE49-F238E27FC236}">
                    <a16:creationId xmlns:a16="http://schemas.microsoft.com/office/drawing/2014/main" id="{AEE4ADD3-3496-520B-39F8-BE073B72AED6}"/>
                  </a:ext>
                </a:extLst>
              </p:cNvPr>
              <p:cNvPicPr/>
              <p:nvPr/>
            </p:nvPicPr>
            <p:blipFill>
              <a:blip r:embed="rId107"/>
              <a:stretch>
                <a:fillRect/>
              </a:stretch>
            </p:blipFill>
            <p:spPr>
              <a:xfrm>
                <a:off x="2759351" y="3646497"/>
                <a:ext cx="72720" cy="48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8">
            <p14:nvContentPartPr>
              <p14:cNvPr id="136" name="Ink 135">
                <a:extLst>
                  <a:ext uri="{FF2B5EF4-FFF2-40B4-BE49-F238E27FC236}">
                    <a16:creationId xmlns:a16="http://schemas.microsoft.com/office/drawing/2014/main" id="{C8A0E0FA-67EA-3FB3-F7FE-1FD1F511BCFF}"/>
                  </a:ext>
                </a:extLst>
              </p14:cNvPr>
              <p14:cNvContentPartPr/>
              <p14:nvPr/>
            </p14:nvContentPartPr>
            <p14:xfrm>
              <a:off x="2845391" y="3657657"/>
              <a:ext cx="51480" cy="57960"/>
            </p14:xfrm>
          </p:contentPart>
        </mc:Choice>
        <mc:Fallback xmlns="">
          <p:pic>
            <p:nvPicPr>
              <p:cNvPr id="136" name="Ink 135">
                <a:extLst>
                  <a:ext uri="{FF2B5EF4-FFF2-40B4-BE49-F238E27FC236}">
                    <a16:creationId xmlns:a16="http://schemas.microsoft.com/office/drawing/2014/main" id="{C8A0E0FA-67EA-3FB3-F7FE-1FD1F511BCFF}"/>
                  </a:ext>
                </a:extLst>
              </p:cNvPr>
              <p:cNvPicPr/>
              <p:nvPr/>
            </p:nvPicPr>
            <p:blipFill>
              <a:blip r:embed="rId109"/>
              <a:stretch>
                <a:fillRect/>
              </a:stretch>
            </p:blipFill>
            <p:spPr>
              <a:xfrm>
                <a:off x="2834666" y="3646857"/>
                <a:ext cx="72573" cy="79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0">
            <p14:nvContentPartPr>
              <p14:cNvPr id="137" name="Ink 136">
                <a:extLst>
                  <a:ext uri="{FF2B5EF4-FFF2-40B4-BE49-F238E27FC236}">
                    <a16:creationId xmlns:a16="http://schemas.microsoft.com/office/drawing/2014/main" id="{979B42C4-F541-36CA-E724-33822B6F694C}"/>
                  </a:ext>
                </a:extLst>
              </p14:cNvPr>
              <p14:cNvContentPartPr/>
              <p14:nvPr/>
            </p14:nvContentPartPr>
            <p14:xfrm>
              <a:off x="2739551" y="3346977"/>
              <a:ext cx="99360" cy="92520"/>
            </p14:xfrm>
          </p:contentPart>
        </mc:Choice>
        <mc:Fallback xmlns="">
          <p:pic>
            <p:nvPicPr>
              <p:cNvPr id="137" name="Ink 136">
                <a:extLst>
                  <a:ext uri="{FF2B5EF4-FFF2-40B4-BE49-F238E27FC236}">
                    <a16:creationId xmlns:a16="http://schemas.microsoft.com/office/drawing/2014/main" id="{979B42C4-F541-36CA-E724-33822B6F694C}"/>
                  </a:ext>
                </a:extLst>
              </p:cNvPr>
              <p:cNvPicPr/>
              <p:nvPr/>
            </p:nvPicPr>
            <p:blipFill>
              <a:blip r:embed="rId111"/>
              <a:stretch>
                <a:fillRect/>
              </a:stretch>
            </p:blipFill>
            <p:spPr>
              <a:xfrm>
                <a:off x="2728751" y="3336177"/>
                <a:ext cx="120600" cy="11376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415135346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5B06E07-4E7F-7570-72F0-9BE22154C5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MPCitH</a:t>
            </a:r>
            <a:endParaRPr lang="en-US" err="1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35C78ED-F28D-E435-0039-8870F373D98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 u="sng">
                <a:cs typeface="Calibri"/>
              </a:rPr>
              <a:t>Response:</a:t>
            </a:r>
            <a:endParaRPr lang="en-US">
              <a:cs typeface="Calibri"/>
            </a:endParaRPr>
          </a:p>
          <a:p>
            <a:r>
              <a:rPr lang="en-US">
                <a:cs typeface="Calibri"/>
              </a:rPr>
              <a:t>Open all commitments except </a:t>
            </a:r>
            <a:r>
              <a:rPr lang="en-US" err="1">
                <a:cs typeface="Calibri"/>
              </a:rPr>
              <a:t>com</a:t>
            </a:r>
            <a:r>
              <a:rPr lang="en-US" baseline="-25000" err="1">
                <a:cs typeface="Calibri"/>
              </a:rPr>
              <a:t>c</a:t>
            </a:r>
            <a:r>
              <a:rPr lang="en-US" baseline="-25000">
                <a:cs typeface="Calibri"/>
              </a:rPr>
              <a:t> </a:t>
            </a:r>
            <a:r>
              <a:rPr lang="en-US">
                <a:cs typeface="Calibri"/>
              </a:rPr>
              <a:t>and output openings. 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50F94F-055B-FAC2-4448-79B2651848B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12B0C5E-ECD0-4A37-8035-B7856804B36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1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23" name="Ink 22">
                <a:extLst>
                  <a:ext uri="{FF2B5EF4-FFF2-40B4-BE49-F238E27FC236}">
                    <a16:creationId xmlns:a16="http://schemas.microsoft.com/office/drawing/2014/main" id="{A1335138-051C-9C32-BAF6-DE4ACF70BD19}"/>
                  </a:ext>
                </a:extLst>
              </p14:cNvPr>
              <p14:cNvContentPartPr/>
              <p14:nvPr/>
            </p14:nvContentPartPr>
            <p14:xfrm>
              <a:off x="2280470" y="2074020"/>
              <a:ext cx="354960" cy="334080"/>
            </p14:xfrm>
          </p:contentPart>
        </mc:Choice>
        <mc:Fallback xmlns="">
          <p:pic>
            <p:nvPicPr>
              <p:cNvPr id="23" name="Ink 22">
                <a:extLst>
                  <a:ext uri="{FF2B5EF4-FFF2-40B4-BE49-F238E27FC236}">
                    <a16:creationId xmlns:a16="http://schemas.microsoft.com/office/drawing/2014/main" id="{A1335138-051C-9C32-BAF6-DE4ACF70BD19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2269670" y="2063208"/>
                <a:ext cx="376200" cy="35534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24" name="Ink 23">
                <a:extLst>
                  <a:ext uri="{FF2B5EF4-FFF2-40B4-BE49-F238E27FC236}">
                    <a16:creationId xmlns:a16="http://schemas.microsoft.com/office/drawing/2014/main" id="{5B831BA7-B0C5-EE3E-6D08-8A8A83E677CE}"/>
                  </a:ext>
                </a:extLst>
              </p14:cNvPr>
              <p14:cNvContentPartPr/>
              <p14:nvPr/>
            </p14:nvContentPartPr>
            <p14:xfrm>
              <a:off x="2793830" y="2354460"/>
              <a:ext cx="10800" cy="47880"/>
            </p14:xfrm>
          </p:contentPart>
        </mc:Choice>
        <mc:Fallback xmlns="">
          <p:pic>
            <p:nvPicPr>
              <p:cNvPr id="24" name="Ink 23">
                <a:extLst>
                  <a:ext uri="{FF2B5EF4-FFF2-40B4-BE49-F238E27FC236}">
                    <a16:creationId xmlns:a16="http://schemas.microsoft.com/office/drawing/2014/main" id="{5B831BA7-B0C5-EE3E-6D08-8A8A83E677CE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2783378" y="2343660"/>
                <a:ext cx="31355" cy="691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27" name="Ink 26">
                <a:extLst>
                  <a:ext uri="{FF2B5EF4-FFF2-40B4-BE49-F238E27FC236}">
                    <a16:creationId xmlns:a16="http://schemas.microsoft.com/office/drawing/2014/main" id="{D8C2B9BF-05EA-4ADB-0C54-85C2C2806AFC}"/>
                  </a:ext>
                </a:extLst>
              </p14:cNvPr>
              <p14:cNvContentPartPr/>
              <p14:nvPr/>
            </p14:nvContentPartPr>
            <p14:xfrm>
              <a:off x="2947190" y="2222340"/>
              <a:ext cx="148680" cy="116640"/>
            </p14:xfrm>
          </p:contentPart>
        </mc:Choice>
        <mc:Fallback xmlns="">
          <p:pic>
            <p:nvPicPr>
              <p:cNvPr id="27" name="Ink 26">
                <a:extLst>
                  <a:ext uri="{FF2B5EF4-FFF2-40B4-BE49-F238E27FC236}">
                    <a16:creationId xmlns:a16="http://schemas.microsoft.com/office/drawing/2014/main" id="{D8C2B9BF-05EA-4ADB-0C54-85C2C2806AFC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2936364" y="2211573"/>
                <a:ext cx="169972" cy="13781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31" name="Ink 30">
                <a:extLst>
                  <a:ext uri="{FF2B5EF4-FFF2-40B4-BE49-F238E27FC236}">
                    <a16:creationId xmlns:a16="http://schemas.microsoft.com/office/drawing/2014/main" id="{0ADE47D8-4032-DD7A-64CD-2C6CB0976461}"/>
                  </a:ext>
                </a:extLst>
              </p14:cNvPr>
              <p14:cNvContentPartPr/>
              <p14:nvPr/>
            </p14:nvContentPartPr>
            <p14:xfrm>
              <a:off x="3270110" y="2037660"/>
              <a:ext cx="68400" cy="407160"/>
            </p14:xfrm>
          </p:contentPart>
        </mc:Choice>
        <mc:Fallback xmlns="">
          <p:pic>
            <p:nvPicPr>
              <p:cNvPr id="31" name="Ink 30">
                <a:extLst>
                  <a:ext uri="{FF2B5EF4-FFF2-40B4-BE49-F238E27FC236}">
                    <a16:creationId xmlns:a16="http://schemas.microsoft.com/office/drawing/2014/main" id="{0ADE47D8-4032-DD7A-64CD-2C6CB0976461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3259367" y="2026860"/>
                <a:ext cx="89529" cy="428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38" name="Ink 37">
                <a:extLst>
                  <a:ext uri="{FF2B5EF4-FFF2-40B4-BE49-F238E27FC236}">
                    <a16:creationId xmlns:a16="http://schemas.microsoft.com/office/drawing/2014/main" id="{0F4A3210-146B-8BC2-BCEC-F829DD7E4EE3}"/>
                  </a:ext>
                </a:extLst>
              </p14:cNvPr>
              <p14:cNvContentPartPr/>
              <p14:nvPr/>
            </p14:nvContentPartPr>
            <p14:xfrm>
              <a:off x="3397190" y="2291100"/>
              <a:ext cx="455400" cy="189720"/>
            </p14:xfrm>
          </p:contentPart>
        </mc:Choice>
        <mc:Fallback xmlns="">
          <p:pic>
            <p:nvPicPr>
              <p:cNvPr id="38" name="Ink 37">
                <a:extLst>
                  <a:ext uri="{FF2B5EF4-FFF2-40B4-BE49-F238E27FC236}">
                    <a16:creationId xmlns:a16="http://schemas.microsoft.com/office/drawing/2014/main" id="{0F4A3210-146B-8BC2-BCEC-F829DD7E4EE3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3386390" y="2280279"/>
                <a:ext cx="476640" cy="211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41" name="Ink 40">
                <a:extLst>
                  <a:ext uri="{FF2B5EF4-FFF2-40B4-BE49-F238E27FC236}">
                    <a16:creationId xmlns:a16="http://schemas.microsoft.com/office/drawing/2014/main" id="{1115C405-CF22-8B80-9B50-267A1C56137F}"/>
                  </a:ext>
                </a:extLst>
              </p14:cNvPr>
              <p14:cNvContentPartPr/>
              <p14:nvPr/>
            </p14:nvContentPartPr>
            <p14:xfrm>
              <a:off x="3064033" y="2285727"/>
              <a:ext cx="39600" cy="111600"/>
            </p14:xfrm>
          </p:contentPart>
        </mc:Choice>
        <mc:Fallback xmlns="">
          <p:pic>
            <p:nvPicPr>
              <p:cNvPr id="41" name="Ink 40">
                <a:extLst>
                  <a:ext uri="{FF2B5EF4-FFF2-40B4-BE49-F238E27FC236}">
                    <a16:creationId xmlns:a16="http://schemas.microsoft.com/office/drawing/2014/main" id="{1115C405-CF22-8B80-9B50-267A1C56137F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3053233" y="2274892"/>
                <a:ext cx="60840" cy="13290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48" name="Ink 47">
                <a:extLst>
                  <a:ext uri="{FF2B5EF4-FFF2-40B4-BE49-F238E27FC236}">
                    <a16:creationId xmlns:a16="http://schemas.microsoft.com/office/drawing/2014/main" id="{CD7E8A65-41E7-0D28-86B0-4ECCC2E786F5}"/>
                  </a:ext>
                </a:extLst>
              </p14:cNvPr>
              <p14:cNvContentPartPr/>
              <p14:nvPr/>
            </p14:nvContentPartPr>
            <p14:xfrm>
              <a:off x="1493713" y="2089527"/>
              <a:ext cx="642240" cy="245160"/>
            </p14:xfrm>
          </p:contentPart>
        </mc:Choice>
        <mc:Fallback xmlns="">
          <p:pic>
            <p:nvPicPr>
              <p:cNvPr id="48" name="Ink 47">
                <a:extLst>
                  <a:ext uri="{FF2B5EF4-FFF2-40B4-BE49-F238E27FC236}">
                    <a16:creationId xmlns:a16="http://schemas.microsoft.com/office/drawing/2014/main" id="{CD7E8A65-41E7-0D28-86B0-4ECCC2E786F5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1482913" y="2078711"/>
                <a:ext cx="663480" cy="26643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52" name="Ink 51">
                <a:extLst>
                  <a:ext uri="{FF2B5EF4-FFF2-40B4-BE49-F238E27FC236}">
                    <a16:creationId xmlns:a16="http://schemas.microsoft.com/office/drawing/2014/main" id="{9F115860-D1D2-299F-6956-F31ECED75610}"/>
                  </a:ext>
                </a:extLst>
              </p14:cNvPr>
              <p14:cNvContentPartPr/>
              <p14:nvPr/>
            </p14:nvContentPartPr>
            <p14:xfrm>
              <a:off x="1135873" y="2142807"/>
              <a:ext cx="210600" cy="136440"/>
            </p14:xfrm>
          </p:contentPart>
        </mc:Choice>
        <mc:Fallback xmlns="">
          <p:pic>
            <p:nvPicPr>
              <p:cNvPr id="52" name="Ink 51">
                <a:extLst>
                  <a:ext uri="{FF2B5EF4-FFF2-40B4-BE49-F238E27FC236}">
                    <a16:creationId xmlns:a16="http://schemas.microsoft.com/office/drawing/2014/main" id="{9F115860-D1D2-299F-6956-F31ECED75610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1125055" y="2132035"/>
                <a:ext cx="231876" cy="157624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6970636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5B06E07-4E7F-7570-72F0-9BE22154C5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MPCitH</a:t>
            </a:r>
            <a:endParaRPr lang="en-US" err="1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35C78ED-F28D-E435-0039-8870F373D98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 u="sng">
                <a:cs typeface="Calibri"/>
              </a:rPr>
              <a:t>Verify: </a:t>
            </a:r>
          </a:p>
          <a:p>
            <a:r>
              <a:rPr lang="en-US">
                <a:cs typeface="Calibri"/>
              </a:rPr>
              <a:t>Check </a:t>
            </a:r>
            <a:endParaRPr lang="en-US"/>
          </a:p>
          <a:p>
            <a:endParaRPr lang="en-US">
              <a:cs typeface="Calibri"/>
            </a:endParaRPr>
          </a:p>
          <a:p>
            <a:r>
              <a:rPr lang="en-US">
                <a:cs typeface="Calibri"/>
              </a:rPr>
              <a:t>Verify </a:t>
            </a:r>
          </a:p>
          <a:p>
            <a:endParaRPr lang="en-US">
              <a:cs typeface="Calibri"/>
            </a:endParaRPr>
          </a:p>
          <a:p>
            <a:r>
              <a:rPr lang="en-US">
                <a:cs typeface="Calibri"/>
              </a:rPr>
              <a:t>Return true if none of the above failed.</a:t>
            </a: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50F94F-055B-FAC2-4448-79B2651848B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12B0C5E-ECD0-4A37-8035-B7856804B36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2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11" name="Ink 10">
                <a:extLst>
                  <a:ext uri="{FF2B5EF4-FFF2-40B4-BE49-F238E27FC236}">
                    <a16:creationId xmlns:a16="http://schemas.microsoft.com/office/drawing/2014/main" id="{9D0D3643-C8F5-079F-D257-A618E5CB8A1E}"/>
                  </a:ext>
                </a:extLst>
              </p14:cNvPr>
              <p14:cNvContentPartPr/>
              <p14:nvPr/>
            </p14:nvContentPartPr>
            <p14:xfrm>
              <a:off x="1522548" y="1729333"/>
              <a:ext cx="523800" cy="117000"/>
            </p14:xfrm>
          </p:contentPart>
        </mc:Choice>
        <mc:Fallback xmlns="">
          <p:pic>
            <p:nvPicPr>
              <p:cNvPr id="11" name="Ink 10">
                <a:extLst>
                  <a:ext uri="{FF2B5EF4-FFF2-40B4-BE49-F238E27FC236}">
                    <a16:creationId xmlns:a16="http://schemas.microsoft.com/office/drawing/2014/main" id="{9D0D3643-C8F5-079F-D257-A618E5CB8A1E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1511741" y="1718533"/>
                <a:ext cx="545055" cy="138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17" name="Ink 16">
                <a:extLst>
                  <a:ext uri="{FF2B5EF4-FFF2-40B4-BE49-F238E27FC236}">
                    <a16:creationId xmlns:a16="http://schemas.microsoft.com/office/drawing/2014/main" id="{5450B0E7-C1D8-0BC1-6338-AA46EC881B85}"/>
                  </a:ext>
                </a:extLst>
              </p14:cNvPr>
              <p14:cNvContentPartPr/>
              <p14:nvPr/>
            </p14:nvContentPartPr>
            <p14:xfrm>
              <a:off x="2148948" y="1629253"/>
              <a:ext cx="603360" cy="193680"/>
            </p14:xfrm>
          </p:contentPart>
        </mc:Choice>
        <mc:Fallback xmlns="">
          <p:pic>
            <p:nvPicPr>
              <p:cNvPr id="17" name="Ink 16">
                <a:extLst>
                  <a:ext uri="{FF2B5EF4-FFF2-40B4-BE49-F238E27FC236}">
                    <a16:creationId xmlns:a16="http://schemas.microsoft.com/office/drawing/2014/main" id="{5450B0E7-C1D8-0BC1-6338-AA46EC881B85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2138148" y="1618453"/>
                <a:ext cx="624600" cy="2149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39" name="Ink 38">
                <a:extLst>
                  <a:ext uri="{FF2B5EF4-FFF2-40B4-BE49-F238E27FC236}">
                    <a16:creationId xmlns:a16="http://schemas.microsoft.com/office/drawing/2014/main" id="{64B7430D-1D6F-4995-589E-C9BD4E7E17B5}"/>
                  </a:ext>
                </a:extLst>
              </p14:cNvPr>
              <p14:cNvContentPartPr/>
              <p14:nvPr/>
            </p14:nvContentPartPr>
            <p14:xfrm>
              <a:off x="2850020" y="1620416"/>
              <a:ext cx="580320" cy="233640"/>
            </p14:xfrm>
          </p:contentPart>
        </mc:Choice>
        <mc:Fallback xmlns="">
          <p:pic>
            <p:nvPicPr>
              <p:cNvPr id="39" name="Ink 38">
                <a:extLst>
                  <a:ext uri="{FF2B5EF4-FFF2-40B4-BE49-F238E27FC236}">
                    <a16:creationId xmlns:a16="http://schemas.microsoft.com/office/drawing/2014/main" id="{64B7430D-1D6F-4995-589E-C9BD4E7E17B5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2839227" y="1609599"/>
                <a:ext cx="601547" cy="25491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40" name="Ink 39">
                <a:extLst>
                  <a:ext uri="{FF2B5EF4-FFF2-40B4-BE49-F238E27FC236}">
                    <a16:creationId xmlns:a16="http://schemas.microsoft.com/office/drawing/2014/main" id="{8501D28B-9CCD-D27A-CF2B-510B770EE580}"/>
                  </a:ext>
                </a:extLst>
              </p14:cNvPr>
              <p14:cNvContentPartPr/>
              <p14:nvPr/>
            </p14:nvContentPartPr>
            <p14:xfrm>
              <a:off x="3692420" y="1757936"/>
              <a:ext cx="88560" cy="78480"/>
            </p14:xfrm>
          </p:contentPart>
        </mc:Choice>
        <mc:Fallback xmlns="">
          <p:pic>
            <p:nvPicPr>
              <p:cNvPr id="40" name="Ink 39">
                <a:extLst>
                  <a:ext uri="{FF2B5EF4-FFF2-40B4-BE49-F238E27FC236}">
                    <a16:creationId xmlns:a16="http://schemas.microsoft.com/office/drawing/2014/main" id="{8501D28B-9CCD-D27A-CF2B-510B770EE580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3681664" y="1747136"/>
                <a:ext cx="109714" cy="997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45" name="Ink 44">
                <a:extLst>
                  <a:ext uri="{FF2B5EF4-FFF2-40B4-BE49-F238E27FC236}">
                    <a16:creationId xmlns:a16="http://schemas.microsoft.com/office/drawing/2014/main" id="{5D11BEC4-A789-8933-DC09-C660CCC8032D}"/>
                  </a:ext>
                </a:extLst>
              </p14:cNvPr>
              <p14:cNvContentPartPr/>
              <p14:nvPr/>
            </p14:nvContentPartPr>
            <p14:xfrm>
              <a:off x="3980060" y="1745336"/>
              <a:ext cx="144000" cy="136440"/>
            </p14:xfrm>
          </p:contentPart>
        </mc:Choice>
        <mc:Fallback xmlns="">
          <p:pic>
            <p:nvPicPr>
              <p:cNvPr id="45" name="Ink 44">
                <a:extLst>
                  <a:ext uri="{FF2B5EF4-FFF2-40B4-BE49-F238E27FC236}">
                    <a16:creationId xmlns:a16="http://schemas.microsoft.com/office/drawing/2014/main" id="{5D11BEC4-A789-8933-DC09-C660CCC8032D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3969260" y="1734536"/>
                <a:ext cx="165240" cy="1576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48" name="Ink 47">
                <a:extLst>
                  <a:ext uri="{FF2B5EF4-FFF2-40B4-BE49-F238E27FC236}">
                    <a16:creationId xmlns:a16="http://schemas.microsoft.com/office/drawing/2014/main" id="{0A0B401E-341D-7FFE-EBE3-58B9AFC62315}"/>
                  </a:ext>
                </a:extLst>
              </p14:cNvPr>
              <p14:cNvContentPartPr/>
              <p14:nvPr/>
            </p14:nvContentPartPr>
            <p14:xfrm>
              <a:off x="4199300" y="1760456"/>
              <a:ext cx="75960" cy="45720"/>
            </p14:xfrm>
          </p:contentPart>
        </mc:Choice>
        <mc:Fallback xmlns="">
          <p:pic>
            <p:nvPicPr>
              <p:cNvPr id="48" name="Ink 47">
                <a:extLst>
                  <a:ext uri="{FF2B5EF4-FFF2-40B4-BE49-F238E27FC236}">
                    <a16:creationId xmlns:a16="http://schemas.microsoft.com/office/drawing/2014/main" id="{0A0B401E-341D-7FFE-EBE3-58B9AFC62315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4188500" y="1749656"/>
                <a:ext cx="97200" cy="66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52" name="Ink 51">
                <a:extLst>
                  <a:ext uri="{FF2B5EF4-FFF2-40B4-BE49-F238E27FC236}">
                    <a16:creationId xmlns:a16="http://schemas.microsoft.com/office/drawing/2014/main" id="{BC694259-72E2-2306-DF5B-7552E0468CBF}"/>
                  </a:ext>
                </a:extLst>
              </p14:cNvPr>
              <p14:cNvContentPartPr/>
              <p14:nvPr/>
            </p14:nvContentPartPr>
            <p14:xfrm>
              <a:off x="4342940" y="1651736"/>
              <a:ext cx="151560" cy="161640"/>
            </p14:xfrm>
          </p:contentPart>
        </mc:Choice>
        <mc:Fallback xmlns="">
          <p:pic>
            <p:nvPicPr>
              <p:cNvPr id="52" name="Ink 51">
                <a:extLst>
                  <a:ext uri="{FF2B5EF4-FFF2-40B4-BE49-F238E27FC236}">
                    <a16:creationId xmlns:a16="http://schemas.microsoft.com/office/drawing/2014/main" id="{BC694259-72E2-2306-DF5B-7552E0468CBF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4332140" y="1640936"/>
                <a:ext cx="172800" cy="182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58" name="Ink 57">
                <a:extLst>
                  <a:ext uri="{FF2B5EF4-FFF2-40B4-BE49-F238E27FC236}">
                    <a16:creationId xmlns:a16="http://schemas.microsoft.com/office/drawing/2014/main" id="{2A7DD1B8-9B4A-24AB-DCD5-D645E765A1D8}"/>
                  </a:ext>
                </a:extLst>
              </p14:cNvPr>
              <p14:cNvContentPartPr/>
              <p14:nvPr/>
            </p14:nvContentPartPr>
            <p14:xfrm>
              <a:off x="4572620" y="1646696"/>
              <a:ext cx="196920" cy="197280"/>
            </p14:xfrm>
          </p:contentPart>
        </mc:Choice>
        <mc:Fallback xmlns="">
          <p:pic>
            <p:nvPicPr>
              <p:cNvPr id="58" name="Ink 57">
                <a:extLst>
                  <a:ext uri="{FF2B5EF4-FFF2-40B4-BE49-F238E27FC236}">
                    <a16:creationId xmlns:a16="http://schemas.microsoft.com/office/drawing/2014/main" id="{2A7DD1B8-9B4A-24AB-DCD5-D645E765A1D8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4561840" y="1635876"/>
                <a:ext cx="218121" cy="21855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8">
            <p14:nvContentPartPr>
              <p14:cNvPr id="64" name="Ink 63">
                <a:extLst>
                  <a:ext uri="{FF2B5EF4-FFF2-40B4-BE49-F238E27FC236}">
                    <a16:creationId xmlns:a16="http://schemas.microsoft.com/office/drawing/2014/main" id="{C0D26868-004D-E735-5D5E-50963FF100DD}"/>
                  </a:ext>
                </a:extLst>
              </p14:cNvPr>
              <p14:cNvContentPartPr/>
              <p14:nvPr/>
            </p14:nvContentPartPr>
            <p14:xfrm>
              <a:off x="4837580" y="1613936"/>
              <a:ext cx="267480" cy="260280"/>
            </p14:xfrm>
          </p:contentPart>
        </mc:Choice>
        <mc:Fallback xmlns="">
          <p:pic>
            <p:nvPicPr>
              <p:cNvPr id="64" name="Ink 63">
                <a:extLst>
                  <a:ext uri="{FF2B5EF4-FFF2-40B4-BE49-F238E27FC236}">
                    <a16:creationId xmlns:a16="http://schemas.microsoft.com/office/drawing/2014/main" id="{C0D26868-004D-E735-5D5E-50963FF100DD}"/>
                  </a:ext>
                </a:extLst>
              </p:cNvPr>
              <p:cNvPicPr/>
              <p:nvPr/>
            </p:nvPicPr>
            <p:blipFill>
              <a:blip r:embed="rId19"/>
              <a:stretch>
                <a:fillRect/>
              </a:stretch>
            </p:blipFill>
            <p:spPr>
              <a:xfrm>
                <a:off x="4826795" y="1603121"/>
                <a:ext cx="288691" cy="28154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0">
            <p14:nvContentPartPr>
              <p14:cNvPr id="68" name="Ink 67">
                <a:extLst>
                  <a:ext uri="{FF2B5EF4-FFF2-40B4-BE49-F238E27FC236}">
                    <a16:creationId xmlns:a16="http://schemas.microsoft.com/office/drawing/2014/main" id="{621AAF49-3718-8F35-F1B7-D2F40D19D624}"/>
                  </a:ext>
                </a:extLst>
              </p14:cNvPr>
              <p14:cNvContentPartPr/>
              <p14:nvPr/>
            </p14:nvContentPartPr>
            <p14:xfrm>
              <a:off x="1563480" y="2197440"/>
              <a:ext cx="189360" cy="226080"/>
            </p14:xfrm>
          </p:contentPart>
        </mc:Choice>
        <mc:Fallback xmlns="">
          <p:pic>
            <p:nvPicPr>
              <p:cNvPr id="68" name="Ink 67">
                <a:extLst>
                  <a:ext uri="{FF2B5EF4-FFF2-40B4-BE49-F238E27FC236}">
                    <a16:creationId xmlns:a16="http://schemas.microsoft.com/office/drawing/2014/main" id="{621AAF49-3718-8F35-F1B7-D2F40D19D624}"/>
                  </a:ext>
                </a:extLst>
              </p:cNvPr>
              <p:cNvPicPr/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1552700" y="2186640"/>
                <a:ext cx="210560" cy="247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2">
            <p14:nvContentPartPr>
              <p14:cNvPr id="72" name="Ink 71">
                <a:extLst>
                  <a:ext uri="{FF2B5EF4-FFF2-40B4-BE49-F238E27FC236}">
                    <a16:creationId xmlns:a16="http://schemas.microsoft.com/office/drawing/2014/main" id="{27268A55-67A9-282D-F688-92D480C646C2}"/>
                  </a:ext>
                </a:extLst>
              </p14:cNvPr>
              <p14:cNvContentPartPr/>
              <p14:nvPr/>
            </p14:nvContentPartPr>
            <p14:xfrm>
              <a:off x="1922040" y="2300400"/>
              <a:ext cx="182880" cy="146520"/>
            </p14:xfrm>
          </p:contentPart>
        </mc:Choice>
        <mc:Fallback xmlns="">
          <p:pic>
            <p:nvPicPr>
              <p:cNvPr id="72" name="Ink 71">
                <a:extLst>
                  <a:ext uri="{FF2B5EF4-FFF2-40B4-BE49-F238E27FC236}">
                    <a16:creationId xmlns:a16="http://schemas.microsoft.com/office/drawing/2014/main" id="{27268A55-67A9-282D-F688-92D480C646C2}"/>
                  </a:ext>
                </a:extLst>
              </p:cNvPr>
              <p:cNvPicPr/>
              <p:nvPr/>
            </p:nvPicPr>
            <p:blipFill>
              <a:blip r:embed="rId23"/>
              <a:stretch>
                <a:fillRect/>
              </a:stretch>
            </p:blipFill>
            <p:spPr>
              <a:xfrm>
                <a:off x="1911261" y="2289573"/>
                <a:ext cx="204078" cy="167812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4">
            <p14:nvContentPartPr>
              <p14:cNvPr id="75" name="Ink 74">
                <a:extLst>
                  <a:ext uri="{FF2B5EF4-FFF2-40B4-BE49-F238E27FC236}">
                    <a16:creationId xmlns:a16="http://schemas.microsoft.com/office/drawing/2014/main" id="{BB2B2FC5-26E2-8887-6C27-8623FD95A101}"/>
                  </a:ext>
                </a:extLst>
              </p14:cNvPr>
              <p14:cNvContentPartPr/>
              <p14:nvPr/>
            </p14:nvContentPartPr>
            <p14:xfrm>
              <a:off x="2237400" y="2297160"/>
              <a:ext cx="76680" cy="53280"/>
            </p14:xfrm>
          </p:contentPart>
        </mc:Choice>
        <mc:Fallback xmlns="">
          <p:pic>
            <p:nvPicPr>
              <p:cNvPr id="75" name="Ink 74">
                <a:extLst>
                  <a:ext uri="{FF2B5EF4-FFF2-40B4-BE49-F238E27FC236}">
                    <a16:creationId xmlns:a16="http://schemas.microsoft.com/office/drawing/2014/main" id="{BB2B2FC5-26E2-8887-6C27-8623FD95A101}"/>
                  </a:ext>
                </a:extLst>
              </p:cNvPr>
              <p:cNvPicPr/>
              <p:nvPr/>
            </p:nvPicPr>
            <p:blipFill>
              <a:blip r:embed="rId25"/>
              <a:stretch>
                <a:fillRect/>
              </a:stretch>
            </p:blipFill>
            <p:spPr>
              <a:xfrm>
                <a:off x="2226600" y="2286432"/>
                <a:ext cx="97920" cy="74377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6">
            <p14:nvContentPartPr>
              <p14:cNvPr id="76" name="Ink 75">
                <a:extLst>
                  <a:ext uri="{FF2B5EF4-FFF2-40B4-BE49-F238E27FC236}">
                    <a16:creationId xmlns:a16="http://schemas.microsoft.com/office/drawing/2014/main" id="{D82E2879-68A5-3D5C-1E50-BDF4B54216B4}"/>
                  </a:ext>
                </a:extLst>
              </p14:cNvPr>
              <p14:cNvContentPartPr/>
              <p14:nvPr/>
            </p14:nvContentPartPr>
            <p14:xfrm>
              <a:off x="2393280" y="2253960"/>
              <a:ext cx="96480" cy="159840"/>
            </p14:xfrm>
          </p:contentPart>
        </mc:Choice>
        <mc:Fallback xmlns="">
          <p:pic>
            <p:nvPicPr>
              <p:cNvPr id="76" name="Ink 75">
                <a:extLst>
                  <a:ext uri="{FF2B5EF4-FFF2-40B4-BE49-F238E27FC236}">
                    <a16:creationId xmlns:a16="http://schemas.microsoft.com/office/drawing/2014/main" id="{D82E2879-68A5-3D5C-1E50-BDF4B54216B4}"/>
                  </a:ext>
                </a:extLst>
              </p:cNvPr>
              <p:cNvPicPr/>
              <p:nvPr/>
            </p:nvPicPr>
            <p:blipFill>
              <a:blip r:embed="rId27"/>
              <a:stretch>
                <a:fillRect/>
              </a:stretch>
            </p:blipFill>
            <p:spPr>
              <a:xfrm>
                <a:off x="2382480" y="2243160"/>
                <a:ext cx="117720" cy="1810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8">
            <p14:nvContentPartPr>
              <p14:cNvPr id="82" name="Ink 81">
                <a:extLst>
                  <a:ext uri="{FF2B5EF4-FFF2-40B4-BE49-F238E27FC236}">
                    <a16:creationId xmlns:a16="http://schemas.microsoft.com/office/drawing/2014/main" id="{67D89773-EA8C-8E32-5F86-B82ECAAA5062}"/>
                  </a:ext>
                </a:extLst>
              </p14:cNvPr>
              <p14:cNvContentPartPr/>
              <p14:nvPr/>
            </p14:nvContentPartPr>
            <p14:xfrm>
              <a:off x="1553400" y="2469600"/>
              <a:ext cx="193320" cy="76680"/>
            </p14:xfrm>
          </p:contentPart>
        </mc:Choice>
        <mc:Fallback xmlns="">
          <p:pic>
            <p:nvPicPr>
              <p:cNvPr id="82" name="Ink 81">
                <a:extLst>
                  <a:ext uri="{FF2B5EF4-FFF2-40B4-BE49-F238E27FC236}">
                    <a16:creationId xmlns:a16="http://schemas.microsoft.com/office/drawing/2014/main" id="{67D89773-EA8C-8E32-5F86-B82ECAAA5062}"/>
                  </a:ext>
                </a:extLst>
              </p:cNvPr>
              <p:cNvPicPr/>
              <p:nvPr/>
            </p:nvPicPr>
            <p:blipFill>
              <a:blip r:embed="rId29"/>
              <a:stretch>
                <a:fillRect/>
              </a:stretch>
            </p:blipFill>
            <p:spPr>
              <a:xfrm>
                <a:off x="1542580" y="2458800"/>
                <a:ext cx="214600" cy="979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0">
            <p14:nvContentPartPr>
              <p14:cNvPr id="83" name="Ink 82">
                <a:extLst>
                  <a:ext uri="{FF2B5EF4-FFF2-40B4-BE49-F238E27FC236}">
                    <a16:creationId xmlns:a16="http://schemas.microsoft.com/office/drawing/2014/main" id="{430CC30C-E606-A4A1-15D4-5ADF512BDE40}"/>
                  </a:ext>
                </a:extLst>
              </p14:cNvPr>
              <p14:cNvContentPartPr/>
              <p14:nvPr/>
            </p14:nvContentPartPr>
            <p14:xfrm>
              <a:off x="1626480" y="2071440"/>
              <a:ext cx="109800" cy="96480"/>
            </p14:xfrm>
          </p:contentPart>
        </mc:Choice>
        <mc:Fallback xmlns="">
          <p:pic>
            <p:nvPicPr>
              <p:cNvPr id="83" name="Ink 82">
                <a:extLst>
                  <a:ext uri="{FF2B5EF4-FFF2-40B4-BE49-F238E27FC236}">
                    <a16:creationId xmlns:a16="http://schemas.microsoft.com/office/drawing/2014/main" id="{430CC30C-E606-A4A1-15D4-5ADF512BDE40}"/>
                  </a:ext>
                </a:extLst>
              </p:cNvPr>
              <p:cNvPicPr/>
              <p:nvPr/>
            </p:nvPicPr>
            <p:blipFill>
              <a:blip r:embed="rId31"/>
              <a:stretch>
                <a:fillRect/>
              </a:stretch>
            </p:blipFill>
            <p:spPr>
              <a:xfrm>
                <a:off x="1615680" y="2060680"/>
                <a:ext cx="131040" cy="11764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2">
            <p14:nvContentPartPr>
              <p14:cNvPr id="86" name="Ink 85">
                <a:extLst>
                  <a:ext uri="{FF2B5EF4-FFF2-40B4-BE49-F238E27FC236}">
                    <a16:creationId xmlns:a16="http://schemas.microsoft.com/office/drawing/2014/main" id="{A7C310BC-84B4-3169-FD64-D95E6681DC52}"/>
                  </a:ext>
                </a:extLst>
              </p14:cNvPr>
              <p14:cNvContentPartPr/>
              <p14:nvPr/>
            </p14:nvContentPartPr>
            <p14:xfrm>
              <a:off x="5592998" y="1623528"/>
              <a:ext cx="159120" cy="177480"/>
            </p14:xfrm>
          </p:contentPart>
        </mc:Choice>
        <mc:Fallback xmlns="">
          <p:pic>
            <p:nvPicPr>
              <p:cNvPr id="86" name="Ink 85">
                <a:extLst>
                  <a:ext uri="{FF2B5EF4-FFF2-40B4-BE49-F238E27FC236}">
                    <a16:creationId xmlns:a16="http://schemas.microsoft.com/office/drawing/2014/main" id="{A7C310BC-84B4-3169-FD64-D95E6681DC52}"/>
                  </a:ext>
                </a:extLst>
              </p:cNvPr>
              <p:cNvPicPr/>
              <p:nvPr/>
            </p:nvPicPr>
            <p:blipFill>
              <a:blip r:embed="rId33"/>
              <a:stretch>
                <a:fillRect/>
              </a:stretch>
            </p:blipFill>
            <p:spPr>
              <a:xfrm>
                <a:off x="5582198" y="1612728"/>
                <a:ext cx="180360" cy="1987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4">
            <p14:nvContentPartPr>
              <p14:cNvPr id="89" name="Ink 88">
                <a:extLst>
                  <a:ext uri="{FF2B5EF4-FFF2-40B4-BE49-F238E27FC236}">
                    <a16:creationId xmlns:a16="http://schemas.microsoft.com/office/drawing/2014/main" id="{A48DE8B2-4A81-458D-49E4-9BC8E9C3E5C9}"/>
                  </a:ext>
                </a:extLst>
              </p14:cNvPr>
              <p14:cNvContentPartPr/>
              <p14:nvPr/>
            </p14:nvContentPartPr>
            <p14:xfrm>
              <a:off x="5893598" y="1673928"/>
              <a:ext cx="56160" cy="128160"/>
            </p14:xfrm>
          </p:contentPart>
        </mc:Choice>
        <mc:Fallback xmlns="">
          <p:pic>
            <p:nvPicPr>
              <p:cNvPr id="89" name="Ink 88">
                <a:extLst>
                  <a:ext uri="{FF2B5EF4-FFF2-40B4-BE49-F238E27FC236}">
                    <a16:creationId xmlns:a16="http://schemas.microsoft.com/office/drawing/2014/main" id="{A48DE8B2-4A81-458D-49E4-9BC8E9C3E5C9}"/>
                  </a:ext>
                </a:extLst>
              </p:cNvPr>
              <p:cNvPicPr/>
              <p:nvPr/>
            </p:nvPicPr>
            <p:blipFill>
              <a:blip r:embed="rId35"/>
              <a:stretch>
                <a:fillRect/>
              </a:stretch>
            </p:blipFill>
            <p:spPr>
              <a:xfrm>
                <a:off x="5879198" y="1663158"/>
                <a:ext cx="84600" cy="15293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6">
            <p14:nvContentPartPr>
              <p14:cNvPr id="93" name="Ink 92">
                <a:extLst>
                  <a:ext uri="{FF2B5EF4-FFF2-40B4-BE49-F238E27FC236}">
                    <a16:creationId xmlns:a16="http://schemas.microsoft.com/office/drawing/2014/main" id="{5BDEB1AD-2154-3408-9BC3-7AD35A270CFC}"/>
                  </a:ext>
                </a:extLst>
              </p14:cNvPr>
              <p14:cNvContentPartPr/>
              <p14:nvPr/>
            </p14:nvContentPartPr>
            <p14:xfrm>
              <a:off x="6035798" y="1693728"/>
              <a:ext cx="72720" cy="128160"/>
            </p14:xfrm>
          </p:contentPart>
        </mc:Choice>
        <mc:Fallback xmlns="">
          <p:pic>
            <p:nvPicPr>
              <p:cNvPr id="93" name="Ink 92">
                <a:extLst>
                  <a:ext uri="{FF2B5EF4-FFF2-40B4-BE49-F238E27FC236}">
                    <a16:creationId xmlns:a16="http://schemas.microsoft.com/office/drawing/2014/main" id="{5BDEB1AD-2154-3408-9BC3-7AD35A270CFC}"/>
                  </a:ext>
                </a:extLst>
              </p:cNvPr>
              <p:cNvPicPr/>
              <p:nvPr/>
            </p:nvPicPr>
            <p:blipFill>
              <a:blip r:embed="rId37"/>
              <a:stretch>
                <a:fillRect/>
              </a:stretch>
            </p:blipFill>
            <p:spPr>
              <a:xfrm>
                <a:off x="6021469" y="1682928"/>
                <a:ext cx="97438" cy="149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8">
            <p14:nvContentPartPr>
              <p14:cNvPr id="94" name="Ink 93">
                <a:extLst>
                  <a:ext uri="{FF2B5EF4-FFF2-40B4-BE49-F238E27FC236}">
                    <a16:creationId xmlns:a16="http://schemas.microsoft.com/office/drawing/2014/main" id="{08A9B093-494C-05FE-B943-D5D670339754}"/>
                  </a:ext>
                </a:extLst>
              </p14:cNvPr>
              <p14:cNvContentPartPr/>
              <p14:nvPr/>
            </p14:nvContentPartPr>
            <p14:xfrm>
              <a:off x="6175118" y="1718568"/>
              <a:ext cx="109080" cy="100800"/>
            </p14:xfrm>
          </p:contentPart>
        </mc:Choice>
        <mc:Fallback xmlns="">
          <p:pic>
            <p:nvPicPr>
              <p:cNvPr id="94" name="Ink 93">
                <a:extLst>
                  <a:ext uri="{FF2B5EF4-FFF2-40B4-BE49-F238E27FC236}">
                    <a16:creationId xmlns:a16="http://schemas.microsoft.com/office/drawing/2014/main" id="{08A9B093-494C-05FE-B943-D5D670339754}"/>
                  </a:ext>
                </a:extLst>
              </p:cNvPr>
              <p:cNvPicPr/>
              <p:nvPr/>
            </p:nvPicPr>
            <p:blipFill>
              <a:blip r:embed="rId39"/>
              <a:stretch>
                <a:fillRect/>
              </a:stretch>
            </p:blipFill>
            <p:spPr>
              <a:xfrm>
                <a:off x="6164318" y="1707768"/>
                <a:ext cx="130320" cy="12204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31512701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EC62134-334C-0BBB-9B85-CD73D07BB4C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MPCitH</a:t>
            </a:r>
            <a:r>
              <a:rPr lang="en-US">
                <a:cs typeface="Calibri"/>
              </a:rPr>
              <a:t> Security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DF863EA-82CD-83C5-7571-14F354E733C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 b="1">
                <a:cs typeface="Calibri"/>
              </a:rPr>
              <a:t>HVZK: </a:t>
            </a:r>
            <a:r>
              <a:rPr lang="en-US">
                <a:cs typeface="Calibri"/>
              </a:rPr>
              <a:t>Secrecy of inputs in MPC</a:t>
            </a:r>
          </a:p>
          <a:p>
            <a:endParaRPr lang="en-US">
              <a:cs typeface="Calibri"/>
            </a:endParaRPr>
          </a:p>
          <a:p>
            <a:r>
              <a:rPr lang="en-US" b="1">
                <a:cs typeface="Calibri"/>
              </a:rPr>
              <a:t>Soundness: </a:t>
            </a:r>
            <a:r>
              <a:rPr lang="en-US">
                <a:cs typeface="Calibri"/>
              </a:rPr>
              <a:t>Cut &amp; Choose - catch a cheating prover with </a:t>
            </a:r>
            <a:br>
              <a:rPr lang="en-US">
                <a:cs typeface="Calibri"/>
              </a:rPr>
            </a:br>
            <a:r>
              <a:rPr lang="en-US">
                <a:cs typeface="Calibri"/>
              </a:rPr>
              <a:t>                      probability 1- (1 / #parties)</a:t>
            </a:r>
          </a:p>
          <a:p>
            <a:endParaRPr lang="en-US">
              <a:cs typeface="Calibri"/>
            </a:endParaRPr>
          </a:p>
          <a:p>
            <a:r>
              <a:rPr lang="en-US" b="1">
                <a:cs typeface="Calibri"/>
              </a:rPr>
              <a:t>Special soundness: </a:t>
            </a:r>
            <a:r>
              <a:rPr lang="en-US">
                <a:cs typeface="Calibri"/>
              </a:rPr>
              <a:t>Two valid openings for same commitments but </a:t>
            </a:r>
          </a:p>
          <a:p>
            <a:r>
              <a:rPr lang="en-US">
                <a:cs typeface="Calibri"/>
              </a:rPr>
              <a:t>              different challenge reveal all secret shares (and as it opens </a:t>
            </a:r>
            <a:br>
              <a:rPr lang="en-US">
                <a:cs typeface="Calibri"/>
              </a:rPr>
            </a:br>
            <a:r>
              <a:rPr lang="en-US">
                <a:cs typeface="Calibri"/>
              </a:rPr>
              <a:t>              all parties, none of them can have cheated without getting caught) </a:t>
            </a:r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2C5D8D7-2050-56BA-ACF4-B2B9D8221A6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811E5D1-7726-9D42-4A36-F14322A6DA6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308269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2B38204-B96C-9218-4805-F2A05AE250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SDitH</a:t>
            </a:r>
            <a:r>
              <a:rPr lang="en-US">
                <a:cs typeface="Calibri"/>
              </a:rPr>
              <a:t> (FJR'22)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5B8A5C4-9117-863B-DEF1-17A35AFB18C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>
                <a:cs typeface="Calibri"/>
              </a:rPr>
              <a:t>Apply </a:t>
            </a:r>
            <a:r>
              <a:rPr lang="en-US" err="1">
                <a:cs typeface="Calibri"/>
              </a:rPr>
              <a:t>MPCitH</a:t>
            </a:r>
            <a:r>
              <a:rPr lang="en-US">
                <a:cs typeface="Calibri"/>
              </a:rPr>
              <a:t> to Syndrome Decoding problem</a:t>
            </a: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8BCF9C8-5718-AD7E-4CD7-DAC019FD6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38ABF04-D79B-F738-74FB-51EE2D5403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4</a:t>
            </a:fld>
            <a:endParaRPr lang="en-GB"/>
          </a:p>
        </p:txBody>
      </p:sp>
      <p:pic>
        <p:nvPicPr>
          <p:cNvPr id="6" name="Picture 5" descr="A close-up of a mathematical equation&#10;&#10;Description automatically generated">
            <a:extLst>
              <a:ext uri="{FF2B5EF4-FFF2-40B4-BE49-F238E27FC236}">
                <a16:creationId xmlns:a16="http://schemas.microsoft.com/office/drawing/2014/main" id="{3483CB68-DBA4-48EC-3845-FA19A57F01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1900" y="1767056"/>
            <a:ext cx="7207200" cy="1078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4700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2B38204-B96C-9218-4805-F2A05AE250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SDitH</a:t>
            </a:r>
            <a:r>
              <a:rPr lang="en-US">
                <a:cs typeface="Calibri"/>
              </a:rPr>
              <a:t> (FJR'22)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5B8A5C4-9117-863B-DEF1-17A35AFB18C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>
                <a:cs typeface="Calibri"/>
              </a:rPr>
              <a:t>Apply </a:t>
            </a:r>
            <a:r>
              <a:rPr lang="en-US" err="1">
                <a:cs typeface="Calibri"/>
              </a:rPr>
              <a:t>MPCitH</a:t>
            </a:r>
            <a:r>
              <a:rPr lang="en-US">
                <a:cs typeface="Calibri"/>
              </a:rPr>
              <a:t> to Syndrome Decoding problem</a:t>
            </a: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r>
              <a:rPr lang="en-US">
                <a:cs typeface="Calibri"/>
              </a:rPr>
              <a:t>Advantage: Linear function.</a:t>
            </a:r>
          </a:p>
          <a:p>
            <a:endParaRPr lang="en-US">
              <a:cs typeface="Calibri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8BCF9C8-5718-AD7E-4CD7-DAC019FD6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38ABF04-D79B-F738-74FB-51EE2D5403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5</a:t>
            </a:fld>
            <a:endParaRPr lang="en-GB"/>
          </a:p>
        </p:txBody>
      </p:sp>
      <p:pic>
        <p:nvPicPr>
          <p:cNvPr id="6" name="Picture 5" descr="A close-up of a mathematical equation&#10;&#10;Description automatically generated">
            <a:extLst>
              <a:ext uri="{FF2B5EF4-FFF2-40B4-BE49-F238E27FC236}">
                <a16:creationId xmlns:a16="http://schemas.microsoft.com/office/drawing/2014/main" id="{3483CB68-DBA4-48EC-3845-FA19A57F01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1900" y="1767056"/>
            <a:ext cx="7207200" cy="1078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31352770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2B38204-B96C-9218-4805-F2A05AE250A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SDitH</a:t>
            </a:r>
            <a:r>
              <a:rPr lang="en-US">
                <a:cs typeface="Calibri"/>
              </a:rPr>
              <a:t> (FJR'22)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5B8A5C4-9117-863B-DEF1-17A35AFB18C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>
                <a:cs typeface="Calibri"/>
              </a:rPr>
              <a:t>Apply </a:t>
            </a:r>
            <a:r>
              <a:rPr lang="en-US" err="1">
                <a:cs typeface="Calibri"/>
              </a:rPr>
              <a:t>MPCitH</a:t>
            </a:r>
            <a:r>
              <a:rPr lang="en-US">
                <a:cs typeface="Calibri"/>
              </a:rPr>
              <a:t> to Syndrome Decoding problem</a:t>
            </a: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endParaRPr lang="en-US">
              <a:cs typeface="Calibri"/>
            </a:endParaRPr>
          </a:p>
          <a:p>
            <a:r>
              <a:rPr lang="en-US">
                <a:cs typeface="Calibri"/>
              </a:rPr>
              <a:t>Advantage: Linear function.</a:t>
            </a:r>
          </a:p>
          <a:p>
            <a:r>
              <a:rPr lang="en-US">
                <a:cs typeface="Calibri"/>
              </a:rPr>
              <a:t>Disadvantage: Weight check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78BCF9C8-5718-AD7E-4CD7-DAC019FD634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38ABF04-D79B-F738-74FB-51EE2D5403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6</a:t>
            </a:fld>
            <a:endParaRPr lang="en-GB"/>
          </a:p>
        </p:txBody>
      </p:sp>
      <p:pic>
        <p:nvPicPr>
          <p:cNvPr id="6" name="Picture 5" descr="A close-up of a mathematical equation&#10;&#10;Description automatically generated">
            <a:extLst>
              <a:ext uri="{FF2B5EF4-FFF2-40B4-BE49-F238E27FC236}">
                <a16:creationId xmlns:a16="http://schemas.microsoft.com/office/drawing/2014/main" id="{3483CB68-DBA4-48EC-3845-FA19A57F01D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891900" y="1767056"/>
            <a:ext cx="7207200" cy="107838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3610330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F7CE929-1FCE-8DD1-34B3-FF5E8565ED9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SDitH</a:t>
            </a:r>
            <a:r>
              <a:rPr lang="en-US">
                <a:cs typeface="Calibri"/>
              </a:rPr>
              <a:t> – Weight check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D30E7A6-D3AB-0288-21E1-A7CE1648A04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342900" indent="-342900">
              <a:buChar char="•"/>
            </a:pPr>
            <a:r>
              <a:rPr lang="en-US">
                <a:cs typeface="Calibri"/>
              </a:rPr>
              <a:t>Uses "Polynomial zero-test"</a:t>
            </a:r>
            <a:endParaRPr lang="en-US"/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Uses polys Q, P, and public F as well as polynomial S derived from x such that </a:t>
            </a:r>
          </a:p>
          <a:p>
            <a:pPr algn="ctr"/>
            <a:r>
              <a:rPr lang="en-US">
                <a:cs typeface="Calibri"/>
              </a:rPr>
              <a:t>T = SQ – PF = 0  if </a:t>
            </a:r>
            <a:r>
              <a:rPr lang="en-US" err="1">
                <a:cs typeface="Calibri"/>
              </a:rPr>
              <a:t>wt</a:t>
            </a:r>
            <a:r>
              <a:rPr lang="en-US">
                <a:cs typeface="Calibri"/>
              </a:rPr>
              <a:t>(x)   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Checking this is done by evaluating T at random points. 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Needs multiplication which needs one more round of interaction!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974793-6CA6-B4D2-C701-21991C8E94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D489686-F2EC-D08D-2984-5151EBF9B61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7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7" name="Ink 6">
                <a:extLst>
                  <a:ext uri="{FF2B5EF4-FFF2-40B4-BE49-F238E27FC236}">
                    <a16:creationId xmlns:a16="http://schemas.microsoft.com/office/drawing/2014/main" id="{BEDFF358-5ADE-F896-F436-BEF7ACFE2451}"/>
                  </a:ext>
                </a:extLst>
              </p14:cNvPr>
              <p14:cNvContentPartPr/>
              <p14:nvPr/>
            </p14:nvContentPartPr>
            <p14:xfrm>
              <a:off x="5853236" y="2318113"/>
              <a:ext cx="122760" cy="108720"/>
            </p14:xfrm>
          </p:contentPart>
        </mc:Choice>
        <mc:Fallback xmlns="">
          <p:pic>
            <p:nvPicPr>
              <p:cNvPr id="7" name="Ink 6">
                <a:extLst>
                  <a:ext uri="{FF2B5EF4-FFF2-40B4-BE49-F238E27FC236}">
                    <a16:creationId xmlns:a16="http://schemas.microsoft.com/office/drawing/2014/main" id="{BEDFF358-5ADE-F896-F436-BEF7ACFE2451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5842436" y="2307313"/>
                <a:ext cx="144000" cy="129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9" name="Ink 8">
                <a:extLst>
                  <a:ext uri="{FF2B5EF4-FFF2-40B4-BE49-F238E27FC236}">
                    <a16:creationId xmlns:a16="http://schemas.microsoft.com/office/drawing/2014/main" id="{20DBE335-6898-A9C4-7655-EC0F393E5E73}"/>
                  </a:ext>
                </a:extLst>
              </p14:cNvPr>
              <p14:cNvContentPartPr/>
              <p14:nvPr/>
            </p14:nvContentPartPr>
            <p14:xfrm>
              <a:off x="5664178" y="2304145"/>
              <a:ext cx="136440" cy="180720"/>
            </p14:xfrm>
          </p:contentPart>
        </mc:Choice>
        <mc:Fallback xmlns="">
          <p:pic>
            <p:nvPicPr>
              <p:cNvPr id="9" name="Ink 8">
                <a:extLst>
                  <a:ext uri="{FF2B5EF4-FFF2-40B4-BE49-F238E27FC236}">
                    <a16:creationId xmlns:a16="http://schemas.microsoft.com/office/drawing/2014/main" id="{20DBE335-6898-A9C4-7655-EC0F393E5E73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5653378" y="2293323"/>
                <a:ext cx="157680" cy="202002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037033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7CA2618-6AB8-EEBE-286D-BF97AC25B7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SDitH</a:t>
            </a:r>
            <a:r>
              <a:rPr lang="en-US">
                <a:cs typeface="Calibri"/>
              </a:rPr>
              <a:t> Identification scheme </a:t>
            </a:r>
            <a:r>
              <a:rPr lang="en-US" sz="2000">
                <a:cs typeface="Calibri"/>
              </a:rPr>
              <a:t>(5-round, public coin)</a:t>
            </a:r>
            <a:endParaRPr lang="en-US" sz="200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C37430-3CBF-BD22-3771-568D6563C5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903F473-51F3-B856-4B47-76F8B63876B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8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903B3EEA-FA2D-459F-8812-3CCCDF55B8FD}"/>
              </a:ext>
            </a:extLst>
          </p:cNvPr>
          <p:cNvSpPr txBox="1"/>
          <p:nvPr/>
        </p:nvSpPr>
        <p:spPr>
          <a:xfrm>
            <a:off x="1111500" y="1228499"/>
            <a:ext cx="17010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b="1" u="sng">
                <a:cs typeface="Calibri"/>
              </a:rPr>
              <a:t>Prover P</a:t>
            </a:r>
            <a:endParaRPr lang="en-US" b="1" u="sng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A2A9809-9BD7-930D-AEC3-FFC70931C1B1}"/>
              </a:ext>
            </a:extLst>
          </p:cNvPr>
          <p:cNvSpPr txBox="1"/>
          <p:nvPr/>
        </p:nvSpPr>
        <p:spPr>
          <a:xfrm>
            <a:off x="5579999" y="1228499"/>
            <a:ext cx="17010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b="1" u="sng">
                <a:cs typeface="Calibri"/>
              </a:rPr>
              <a:t>Verifier V</a:t>
            </a:r>
            <a:endParaRPr lang="en-US" b="1" u="sng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5A98AD83-D954-5395-0E24-381B0D86233F}"/>
              </a:ext>
            </a:extLst>
          </p:cNvPr>
          <p:cNvCxnSpPr/>
          <p:nvPr/>
        </p:nvCxnSpPr>
        <p:spPr>
          <a:xfrm>
            <a:off x="2840175" y="1987425"/>
            <a:ext cx="2520900" cy="144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4DA130A3-E202-C0D9-E658-9D2D870E5120}"/>
              </a:ext>
            </a:extLst>
          </p:cNvPr>
          <p:cNvCxnSpPr>
            <a:cxnSpLocks/>
          </p:cNvCxnSpPr>
          <p:nvPr/>
        </p:nvCxnSpPr>
        <p:spPr>
          <a:xfrm flipH="1">
            <a:off x="2841074" y="2531924"/>
            <a:ext cx="2586600" cy="189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DCD01D24-8A94-4853-B9A6-DE4BD9A26A65}"/>
              </a:ext>
            </a:extLst>
          </p:cNvPr>
          <p:cNvCxnSpPr>
            <a:cxnSpLocks/>
          </p:cNvCxnSpPr>
          <p:nvPr/>
        </p:nvCxnSpPr>
        <p:spPr>
          <a:xfrm flipV="1">
            <a:off x="2840174" y="3702824"/>
            <a:ext cx="2529900" cy="36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2038266D-604A-CC85-CD7A-AE6A395A9790}"/>
              </a:ext>
            </a:extLst>
          </p:cNvPr>
          <p:cNvSpPr txBox="1"/>
          <p:nvPr/>
        </p:nvSpPr>
        <p:spPr>
          <a:xfrm>
            <a:off x="3906000" y="1593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w</a:t>
            </a:r>
            <a:endParaRPr lang="en-US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47F442E-BB2F-EB2E-C714-8719250379C2}"/>
              </a:ext>
            </a:extLst>
          </p:cNvPr>
          <p:cNvSpPr txBox="1"/>
          <p:nvPr/>
        </p:nvSpPr>
        <p:spPr>
          <a:xfrm>
            <a:off x="3906000" y="2214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c</a:t>
            </a:r>
            <a:endParaRPr lang="en-US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BFB1D8D-45C4-6D3D-5BD4-EFA84769065D}"/>
              </a:ext>
            </a:extLst>
          </p:cNvPr>
          <p:cNvSpPr txBox="1"/>
          <p:nvPr/>
        </p:nvSpPr>
        <p:spPr>
          <a:xfrm>
            <a:off x="3906000" y="3456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z</a:t>
            </a:r>
            <a:endParaRPr lang="en-US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15" name="Ink 14">
                <a:extLst>
                  <a:ext uri="{FF2B5EF4-FFF2-40B4-BE49-F238E27FC236}">
                    <a16:creationId xmlns:a16="http://schemas.microsoft.com/office/drawing/2014/main" id="{72A0E243-D461-1A6F-BA6F-CCD73627834D}"/>
                  </a:ext>
                </a:extLst>
              </p14:cNvPr>
              <p14:cNvContentPartPr/>
              <p14:nvPr/>
            </p14:nvContentPartPr>
            <p14:xfrm>
              <a:off x="5624377" y="2466101"/>
              <a:ext cx="295920" cy="91440"/>
            </p14:xfrm>
          </p:contentPart>
        </mc:Choice>
        <mc:Fallback xmlns="">
          <p:pic>
            <p:nvPicPr>
              <p:cNvPr id="15" name="Ink 14">
                <a:extLst>
                  <a:ext uri="{FF2B5EF4-FFF2-40B4-BE49-F238E27FC236}">
                    <a16:creationId xmlns:a16="http://schemas.microsoft.com/office/drawing/2014/main" id="{72A0E243-D461-1A6F-BA6F-CCD73627834D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5613577" y="2455343"/>
                <a:ext cx="317160" cy="112597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18" name="Ink 17">
                <a:extLst>
                  <a:ext uri="{FF2B5EF4-FFF2-40B4-BE49-F238E27FC236}">
                    <a16:creationId xmlns:a16="http://schemas.microsoft.com/office/drawing/2014/main" id="{FAA350FA-E3DD-7F7D-2729-F9D55AF5B597}"/>
                  </a:ext>
                </a:extLst>
              </p14:cNvPr>
              <p14:cNvContentPartPr/>
              <p14:nvPr/>
            </p14:nvContentPartPr>
            <p14:xfrm>
              <a:off x="5787817" y="2462861"/>
              <a:ext cx="176400" cy="147960"/>
            </p14:xfrm>
          </p:contentPart>
        </mc:Choice>
        <mc:Fallback xmlns="">
          <p:pic>
            <p:nvPicPr>
              <p:cNvPr id="18" name="Ink 17">
                <a:extLst>
                  <a:ext uri="{FF2B5EF4-FFF2-40B4-BE49-F238E27FC236}">
                    <a16:creationId xmlns:a16="http://schemas.microsoft.com/office/drawing/2014/main" id="{FAA350FA-E3DD-7F7D-2729-F9D55AF5B597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5777039" y="2452087"/>
                <a:ext cx="197597" cy="16914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27" name="Ink 26">
                <a:extLst>
                  <a:ext uri="{FF2B5EF4-FFF2-40B4-BE49-F238E27FC236}">
                    <a16:creationId xmlns:a16="http://schemas.microsoft.com/office/drawing/2014/main" id="{3CCE24D2-2C7A-F69D-7B0A-DADFE3709F03}"/>
                  </a:ext>
                </a:extLst>
              </p14:cNvPr>
              <p14:cNvContentPartPr/>
              <p14:nvPr/>
            </p14:nvContentPartPr>
            <p14:xfrm>
              <a:off x="6052057" y="2390501"/>
              <a:ext cx="591840" cy="225000"/>
            </p14:xfrm>
          </p:contentPart>
        </mc:Choice>
        <mc:Fallback xmlns="">
          <p:pic>
            <p:nvPicPr>
              <p:cNvPr id="27" name="Ink 26">
                <a:extLst>
                  <a:ext uri="{FF2B5EF4-FFF2-40B4-BE49-F238E27FC236}">
                    <a16:creationId xmlns:a16="http://schemas.microsoft.com/office/drawing/2014/main" id="{3CCE24D2-2C7A-F69D-7B0A-DADFE3709F03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6041257" y="2379701"/>
                <a:ext cx="613080" cy="246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88" name="Ink 87">
                <a:extLst>
                  <a:ext uri="{FF2B5EF4-FFF2-40B4-BE49-F238E27FC236}">
                    <a16:creationId xmlns:a16="http://schemas.microsoft.com/office/drawing/2014/main" id="{21BC5B43-FA6A-19DA-0405-720428EB5A9F}"/>
                  </a:ext>
                </a:extLst>
              </p14:cNvPr>
              <p14:cNvContentPartPr/>
              <p14:nvPr/>
            </p14:nvContentPartPr>
            <p14:xfrm>
              <a:off x="5621119" y="3842784"/>
              <a:ext cx="289800" cy="179640"/>
            </p14:xfrm>
          </p:contentPart>
        </mc:Choice>
        <mc:Fallback xmlns="">
          <p:pic>
            <p:nvPicPr>
              <p:cNvPr id="88" name="Ink 87">
                <a:extLst>
                  <a:ext uri="{FF2B5EF4-FFF2-40B4-BE49-F238E27FC236}">
                    <a16:creationId xmlns:a16="http://schemas.microsoft.com/office/drawing/2014/main" id="{21BC5B43-FA6A-19DA-0405-720428EB5A9F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5610319" y="3831984"/>
                <a:ext cx="311040" cy="200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98" name="Ink 97">
                <a:extLst>
                  <a:ext uri="{FF2B5EF4-FFF2-40B4-BE49-F238E27FC236}">
                    <a16:creationId xmlns:a16="http://schemas.microsoft.com/office/drawing/2014/main" id="{8CD40BD0-631F-A822-4EA6-2D046716BBC8}"/>
                  </a:ext>
                </a:extLst>
              </p14:cNvPr>
              <p14:cNvContentPartPr/>
              <p14:nvPr/>
            </p14:nvContentPartPr>
            <p14:xfrm>
              <a:off x="6020719" y="3789504"/>
              <a:ext cx="456120" cy="304920"/>
            </p14:xfrm>
          </p:contentPart>
        </mc:Choice>
        <mc:Fallback xmlns="">
          <p:pic>
            <p:nvPicPr>
              <p:cNvPr id="98" name="Ink 97">
                <a:extLst>
                  <a:ext uri="{FF2B5EF4-FFF2-40B4-BE49-F238E27FC236}">
                    <a16:creationId xmlns:a16="http://schemas.microsoft.com/office/drawing/2014/main" id="{8CD40BD0-631F-A822-4EA6-2D046716BBC8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6009919" y="3778704"/>
                <a:ext cx="477360" cy="3261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99" name="Ink 98">
                <a:extLst>
                  <a:ext uri="{FF2B5EF4-FFF2-40B4-BE49-F238E27FC236}">
                    <a16:creationId xmlns:a16="http://schemas.microsoft.com/office/drawing/2014/main" id="{C9A06D44-B863-C206-24DD-7E1FE975DA46}"/>
                  </a:ext>
                </a:extLst>
              </p14:cNvPr>
              <p14:cNvContentPartPr/>
              <p14:nvPr/>
            </p14:nvContentPartPr>
            <p14:xfrm>
              <a:off x="6596359" y="3795624"/>
              <a:ext cx="50760" cy="248760"/>
            </p14:xfrm>
          </p:contentPart>
        </mc:Choice>
        <mc:Fallback xmlns="">
          <p:pic>
            <p:nvPicPr>
              <p:cNvPr id="99" name="Ink 98">
                <a:extLst>
                  <a:ext uri="{FF2B5EF4-FFF2-40B4-BE49-F238E27FC236}">
                    <a16:creationId xmlns:a16="http://schemas.microsoft.com/office/drawing/2014/main" id="{C9A06D44-B863-C206-24DD-7E1FE975DA46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6585559" y="3784824"/>
                <a:ext cx="72000" cy="270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104" name="Ink 103">
                <a:extLst>
                  <a:ext uri="{FF2B5EF4-FFF2-40B4-BE49-F238E27FC236}">
                    <a16:creationId xmlns:a16="http://schemas.microsoft.com/office/drawing/2014/main" id="{3D224F1F-C7C1-6981-9000-20A5BF706838}"/>
                  </a:ext>
                </a:extLst>
              </p14:cNvPr>
              <p14:cNvContentPartPr/>
              <p14:nvPr/>
            </p14:nvContentPartPr>
            <p14:xfrm>
              <a:off x="6693559" y="3839544"/>
              <a:ext cx="173520" cy="242280"/>
            </p14:xfrm>
          </p:contentPart>
        </mc:Choice>
        <mc:Fallback xmlns="">
          <p:pic>
            <p:nvPicPr>
              <p:cNvPr id="104" name="Ink 103">
                <a:extLst>
                  <a:ext uri="{FF2B5EF4-FFF2-40B4-BE49-F238E27FC236}">
                    <a16:creationId xmlns:a16="http://schemas.microsoft.com/office/drawing/2014/main" id="{3D224F1F-C7C1-6981-9000-20A5BF706838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6682759" y="3828744"/>
                <a:ext cx="194760" cy="263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112" name="Ink 111">
                <a:extLst>
                  <a:ext uri="{FF2B5EF4-FFF2-40B4-BE49-F238E27FC236}">
                    <a16:creationId xmlns:a16="http://schemas.microsoft.com/office/drawing/2014/main" id="{24E300D7-3E88-3BBB-6CD9-9A3697AD8988}"/>
                  </a:ext>
                </a:extLst>
              </p14:cNvPr>
              <p14:cNvContentPartPr/>
              <p14:nvPr/>
            </p14:nvContentPartPr>
            <p14:xfrm>
              <a:off x="6932959" y="3886704"/>
              <a:ext cx="459720" cy="167040"/>
            </p14:xfrm>
          </p:contentPart>
        </mc:Choice>
        <mc:Fallback xmlns="">
          <p:pic>
            <p:nvPicPr>
              <p:cNvPr id="112" name="Ink 111">
                <a:extLst>
                  <a:ext uri="{FF2B5EF4-FFF2-40B4-BE49-F238E27FC236}">
                    <a16:creationId xmlns:a16="http://schemas.microsoft.com/office/drawing/2014/main" id="{24E300D7-3E88-3BBB-6CD9-9A3697AD8988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6922159" y="3875904"/>
                <a:ext cx="480960" cy="188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8">
            <p14:nvContentPartPr>
              <p14:cNvPr id="115" name="Ink 114">
                <a:extLst>
                  <a:ext uri="{FF2B5EF4-FFF2-40B4-BE49-F238E27FC236}">
                    <a16:creationId xmlns:a16="http://schemas.microsoft.com/office/drawing/2014/main" id="{6E583FEA-C83D-1510-490F-BDCC66EE6F9E}"/>
                  </a:ext>
                </a:extLst>
              </p14:cNvPr>
              <p14:cNvContentPartPr/>
              <p14:nvPr/>
            </p14:nvContentPartPr>
            <p14:xfrm>
              <a:off x="5743879" y="3930624"/>
              <a:ext cx="60120" cy="72720"/>
            </p14:xfrm>
          </p:contentPart>
        </mc:Choice>
        <mc:Fallback xmlns="">
          <p:pic>
            <p:nvPicPr>
              <p:cNvPr id="115" name="Ink 114">
                <a:extLst>
                  <a:ext uri="{FF2B5EF4-FFF2-40B4-BE49-F238E27FC236}">
                    <a16:creationId xmlns:a16="http://schemas.microsoft.com/office/drawing/2014/main" id="{6E583FEA-C83D-1510-490F-BDCC66EE6F9E}"/>
                  </a:ext>
                </a:extLst>
              </p:cNvPr>
              <p:cNvPicPr/>
              <p:nvPr/>
            </p:nvPicPr>
            <p:blipFill>
              <a:blip r:embed="rId19"/>
              <a:stretch>
                <a:fillRect/>
              </a:stretch>
            </p:blipFill>
            <p:spPr>
              <a:xfrm>
                <a:off x="5733079" y="3919824"/>
                <a:ext cx="81360" cy="93960"/>
              </a:xfrm>
              <a:prstGeom prst="rect">
                <a:avLst/>
              </a:prstGeom>
            </p:spPr>
          </p:pic>
        </mc:Fallback>
      </mc:AlternateContent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C6890492-19A1-C7A6-3765-A522ACB7B199}"/>
              </a:ext>
            </a:extLst>
          </p:cNvPr>
          <p:cNvCxnSpPr>
            <a:cxnSpLocks/>
          </p:cNvCxnSpPr>
          <p:nvPr/>
        </p:nvCxnSpPr>
        <p:spPr>
          <a:xfrm flipV="1">
            <a:off x="2858174" y="2978324"/>
            <a:ext cx="2529900" cy="36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1BB72B8C-5620-A62B-6AD1-ED2E64BD6078}"/>
              </a:ext>
            </a:extLst>
          </p:cNvPr>
          <p:cNvSpPr txBox="1"/>
          <p:nvPr/>
        </p:nvSpPr>
        <p:spPr>
          <a:xfrm>
            <a:off x="3923999" y="27315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z</a:t>
            </a:r>
            <a:endParaRPr lang="en-US"/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1175B84-E53A-E4D2-F114-56F558D4EC57}"/>
              </a:ext>
            </a:extLst>
          </p:cNvPr>
          <p:cNvCxnSpPr>
            <a:cxnSpLocks/>
          </p:cNvCxnSpPr>
          <p:nvPr/>
        </p:nvCxnSpPr>
        <p:spPr>
          <a:xfrm flipH="1">
            <a:off x="2859074" y="3368924"/>
            <a:ext cx="2586600" cy="189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8B1720C8-FAA5-2B8B-E71E-57A0F9081388}"/>
              </a:ext>
            </a:extLst>
          </p:cNvPr>
          <p:cNvSpPr txBox="1"/>
          <p:nvPr/>
        </p:nvSpPr>
        <p:spPr>
          <a:xfrm>
            <a:off x="3923999" y="3051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c</a:t>
            </a:r>
            <a:endParaRPr lang="en-US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0">
            <p14:nvContentPartPr>
              <p14:cNvPr id="25" name="Ink 24">
                <a:extLst>
                  <a:ext uri="{FF2B5EF4-FFF2-40B4-BE49-F238E27FC236}">
                    <a16:creationId xmlns:a16="http://schemas.microsoft.com/office/drawing/2014/main" id="{4BA0392A-4F2B-9AA3-B5B5-308A86C4DDF5}"/>
                  </a:ext>
                </a:extLst>
              </p14:cNvPr>
              <p14:cNvContentPartPr/>
              <p14:nvPr/>
            </p14:nvContentPartPr>
            <p14:xfrm>
              <a:off x="5642377" y="3303100"/>
              <a:ext cx="295920" cy="91440"/>
            </p14:xfrm>
          </p:contentPart>
        </mc:Choice>
        <mc:Fallback xmlns="">
          <p:pic>
            <p:nvPicPr>
              <p:cNvPr id="25" name="Ink 24">
                <a:extLst>
                  <a:ext uri="{FF2B5EF4-FFF2-40B4-BE49-F238E27FC236}">
                    <a16:creationId xmlns:a16="http://schemas.microsoft.com/office/drawing/2014/main" id="{4BA0392A-4F2B-9AA3-B5B5-308A86C4DDF5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5631577" y="3292342"/>
                <a:ext cx="317160" cy="112597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1">
            <p14:nvContentPartPr>
              <p14:cNvPr id="26" name="Ink 25">
                <a:extLst>
                  <a:ext uri="{FF2B5EF4-FFF2-40B4-BE49-F238E27FC236}">
                    <a16:creationId xmlns:a16="http://schemas.microsoft.com/office/drawing/2014/main" id="{4EAB469D-E159-1FCE-CF65-5EC931312798}"/>
                  </a:ext>
                </a:extLst>
              </p14:cNvPr>
              <p14:cNvContentPartPr/>
              <p14:nvPr/>
            </p14:nvContentPartPr>
            <p14:xfrm>
              <a:off x="5805817" y="3299860"/>
              <a:ext cx="176400" cy="147960"/>
            </p14:xfrm>
          </p:contentPart>
        </mc:Choice>
        <mc:Fallback xmlns="">
          <p:pic>
            <p:nvPicPr>
              <p:cNvPr id="26" name="Ink 25">
                <a:extLst>
                  <a:ext uri="{FF2B5EF4-FFF2-40B4-BE49-F238E27FC236}">
                    <a16:creationId xmlns:a16="http://schemas.microsoft.com/office/drawing/2014/main" id="{4EAB469D-E159-1FCE-CF65-5EC931312798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5795039" y="3289086"/>
                <a:ext cx="197597" cy="16914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2">
            <p14:nvContentPartPr>
              <p14:cNvPr id="28" name="Ink 27">
                <a:extLst>
                  <a:ext uri="{FF2B5EF4-FFF2-40B4-BE49-F238E27FC236}">
                    <a16:creationId xmlns:a16="http://schemas.microsoft.com/office/drawing/2014/main" id="{38261F94-4F3A-14A7-1084-8C9AF4C77E03}"/>
                  </a:ext>
                </a:extLst>
              </p14:cNvPr>
              <p14:cNvContentPartPr/>
              <p14:nvPr/>
            </p14:nvContentPartPr>
            <p14:xfrm>
              <a:off x="6070057" y="3227500"/>
              <a:ext cx="591840" cy="225000"/>
            </p14:xfrm>
          </p:contentPart>
        </mc:Choice>
        <mc:Fallback xmlns="">
          <p:pic>
            <p:nvPicPr>
              <p:cNvPr id="28" name="Ink 27">
                <a:extLst>
                  <a:ext uri="{FF2B5EF4-FFF2-40B4-BE49-F238E27FC236}">
                    <a16:creationId xmlns:a16="http://schemas.microsoft.com/office/drawing/2014/main" id="{38261F94-4F3A-14A7-1084-8C9AF4C77E03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6059257" y="3216700"/>
                <a:ext cx="613080" cy="246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3">
            <p14:nvContentPartPr>
              <p14:cNvPr id="30" name="Ink 29">
                <a:extLst>
                  <a:ext uri="{FF2B5EF4-FFF2-40B4-BE49-F238E27FC236}">
                    <a16:creationId xmlns:a16="http://schemas.microsoft.com/office/drawing/2014/main" id="{85BEC739-752B-DA6B-003B-EAC35AB50FD7}"/>
                  </a:ext>
                </a:extLst>
              </p14:cNvPr>
              <p14:cNvContentPartPr/>
              <p14:nvPr/>
            </p14:nvContentPartPr>
            <p14:xfrm>
              <a:off x="4072940" y="2424975"/>
              <a:ext cx="42480" cy="49680"/>
            </p14:xfrm>
          </p:contentPart>
        </mc:Choice>
        <mc:Fallback xmlns="">
          <p:pic>
            <p:nvPicPr>
              <p:cNvPr id="30" name="Ink 29">
                <a:extLst>
                  <a:ext uri="{FF2B5EF4-FFF2-40B4-BE49-F238E27FC236}">
                    <a16:creationId xmlns:a16="http://schemas.microsoft.com/office/drawing/2014/main" id="{85BEC739-752B-DA6B-003B-EAC35AB50FD7}"/>
                  </a:ext>
                </a:extLst>
              </p:cNvPr>
              <p:cNvPicPr/>
              <p:nvPr/>
            </p:nvPicPr>
            <p:blipFill>
              <a:blip r:embed="rId24"/>
              <a:stretch>
                <a:fillRect/>
              </a:stretch>
            </p:blipFill>
            <p:spPr>
              <a:xfrm>
                <a:off x="4062140" y="2414175"/>
                <a:ext cx="63720" cy="709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5">
            <p14:nvContentPartPr>
              <p14:cNvPr id="31" name="Ink 30">
                <a:extLst>
                  <a:ext uri="{FF2B5EF4-FFF2-40B4-BE49-F238E27FC236}">
                    <a16:creationId xmlns:a16="http://schemas.microsoft.com/office/drawing/2014/main" id="{A25B6AC6-A96B-D1FB-1C25-1E41432C1905}"/>
                  </a:ext>
                </a:extLst>
              </p14:cNvPr>
              <p14:cNvContentPartPr/>
              <p14:nvPr/>
            </p14:nvContentPartPr>
            <p14:xfrm>
              <a:off x="4093820" y="2914215"/>
              <a:ext cx="37800" cy="35640"/>
            </p14:xfrm>
          </p:contentPart>
        </mc:Choice>
        <mc:Fallback xmlns="">
          <p:pic>
            <p:nvPicPr>
              <p:cNvPr id="31" name="Ink 30">
                <a:extLst>
                  <a:ext uri="{FF2B5EF4-FFF2-40B4-BE49-F238E27FC236}">
                    <a16:creationId xmlns:a16="http://schemas.microsoft.com/office/drawing/2014/main" id="{A25B6AC6-A96B-D1FB-1C25-1E41432C1905}"/>
                  </a:ext>
                </a:extLst>
              </p:cNvPr>
              <p:cNvPicPr/>
              <p:nvPr/>
            </p:nvPicPr>
            <p:blipFill>
              <a:blip r:embed="rId26"/>
              <a:stretch>
                <a:fillRect/>
              </a:stretch>
            </p:blipFill>
            <p:spPr>
              <a:xfrm>
                <a:off x="4083020" y="2903415"/>
                <a:ext cx="59040" cy="56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7">
            <p14:nvContentPartPr>
              <p14:cNvPr id="32" name="Ink 31">
                <a:extLst>
                  <a:ext uri="{FF2B5EF4-FFF2-40B4-BE49-F238E27FC236}">
                    <a16:creationId xmlns:a16="http://schemas.microsoft.com/office/drawing/2014/main" id="{73A54907-2198-DEE9-DCF5-4C18F24504DF}"/>
                  </a:ext>
                </a:extLst>
              </p14:cNvPr>
              <p14:cNvContentPartPr/>
              <p14:nvPr/>
            </p14:nvContentPartPr>
            <p14:xfrm>
              <a:off x="4112900" y="3232455"/>
              <a:ext cx="54000" cy="49680"/>
            </p14:xfrm>
          </p:contentPart>
        </mc:Choice>
        <mc:Fallback xmlns="">
          <p:pic>
            <p:nvPicPr>
              <p:cNvPr id="32" name="Ink 31">
                <a:extLst>
                  <a:ext uri="{FF2B5EF4-FFF2-40B4-BE49-F238E27FC236}">
                    <a16:creationId xmlns:a16="http://schemas.microsoft.com/office/drawing/2014/main" id="{73A54907-2198-DEE9-DCF5-4C18F24504DF}"/>
                  </a:ext>
                </a:extLst>
              </p:cNvPr>
              <p:cNvPicPr/>
              <p:nvPr/>
            </p:nvPicPr>
            <p:blipFill>
              <a:blip r:embed="rId28"/>
              <a:stretch>
                <a:fillRect/>
              </a:stretch>
            </p:blipFill>
            <p:spPr>
              <a:xfrm>
                <a:off x="4102100" y="3221576"/>
                <a:ext cx="75240" cy="7107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9">
            <p14:nvContentPartPr>
              <p14:cNvPr id="33" name="Ink 32">
                <a:extLst>
                  <a:ext uri="{FF2B5EF4-FFF2-40B4-BE49-F238E27FC236}">
                    <a16:creationId xmlns:a16="http://schemas.microsoft.com/office/drawing/2014/main" id="{93CB4B62-51C2-71EB-52DD-F2C8AE7CF038}"/>
                  </a:ext>
                </a:extLst>
              </p14:cNvPr>
              <p14:cNvContentPartPr/>
              <p14:nvPr/>
            </p14:nvContentPartPr>
            <p14:xfrm>
              <a:off x="4103180" y="3628095"/>
              <a:ext cx="63720" cy="54360"/>
            </p14:xfrm>
          </p:contentPart>
        </mc:Choice>
        <mc:Fallback xmlns="">
          <p:pic>
            <p:nvPicPr>
              <p:cNvPr id="33" name="Ink 32">
                <a:extLst>
                  <a:ext uri="{FF2B5EF4-FFF2-40B4-BE49-F238E27FC236}">
                    <a16:creationId xmlns:a16="http://schemas.microsoft.com/office/drawing/2014/main" id="{93CB4B62-51C2-71EB-52DD-F2C8AE7CF038}"/>
                  </a:ext>
                </a:extLst>
              </p:cNvPr>
              <p:cNvPicPr/>
              <p:nvPr/>
            </p:nvPicPr>
            <p:blipFill>
              <a:blip r:embed="rId30"/>
              <a:stretch>
                <a:fillRect/>
              </a:stretch>
            </p:blipFill>
            <p:spPr>
              <a:xfrm>
                <a:off x="4092319" y="3617295"/>
                <a:ext cx="85081" cy="75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1">
            <p14:nvContentPartPr>
              <p14:cNvPr id="34" name="Ink 33">
                <a:extLst>
                  <a:ext uri="{FF2B5EF4-FFF2-40B4-BE49-F238E27FC236}">
                    <a16:creationId xmlns:a16="http://schemas.microsoft.com/office/drawing/2014/main" id="{B31BDC59-BAA8-7894-5C08-0CEC17A364BF}"/>
                  </a:ext>
                </a:extLst>
              </p14:cNvPr>
              <p14:cNvContentPartPr/>
              <p14:nvPr/>
            </p14:nvContentPartPr>
            <p14:xfrm>
              <a:off x="5734700" y="2567535"/>
              <a:ext cx="37800" cy="56520"/>
            </p14:xfrm>
          </p:contentPart>
        </mc:Choice>
        <mc:Fallback xmlns="">
          <p:pic>
            <p:nvPicPr>
              <p:cNvPr id="34" name="Ink 33">
                <a:extLst>
                  <a:ext uri="{FF2B5EF4-FFF2-40B4-BE49-F238E27FC236}">
                    <a16:creationId xmlns:a16="http://schemas.microsoft.com/office/drawing/2014/main" id="{B31BDC59-BAA8-7894-5C08-0CEC17A364BF}"/>
                  </a:ext>
                </a:extLst>
              </p:cNvPr>
              <p:cNvPicPr/>
              <p:nvPr/>
            </p:nvPicPr>
            <p:blipFill>
              <a:blip r:embed="rId32"/>
              <a:stretch>
                <a:fillRect/>
              </a:stretch>
            </p:blipFill>
            <p:spPr>
              <a:xfrm>
                <a:off x="5723900" y="2556735"/>
                <a:ext cx="59040" cy="77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3">
            <p14:nvContentPartPr>
              <p14:cNvPr id="35" name="Ink 34">
                <a:extLst>
                  <a:ext uri="{FF2B5EF4-FFF2-40B4-BE49-F238E27FC236}">
                    <a16:creationId xmlns:a16="http://schemas.microsoft.com/office/drawing/2014/main" id="{16E4EFE3-C5DE-2210-DE03-9440391892D1}"/>
                  </a:ext>
                </a:extLst>
              </p14:cNvPr>
              <p14:cNvContentPartPr/>
              <p14:nvPr/>
            </p14:nvContentPartPr>
            <p14:xfrm>
              <a:off x="5776820" y="3375375"/>
              <a:ext cx="54360" cy="77760"/>
            </p14:xfrm>
          </p:contentPart>
        </mc:Choice>
        <mc:Fallback xmlns="">
          <p:pic>
            <p:nvPicPr>
              <p:cNvPr id="35" name="Ink 34">
                <a:extLst>
                  <a:ext uri="{FF2B5EF4-FFF2-40B4-BE49-F238E27FC236}">
                    <a16:creationId xmlns:a16="http://schemas.microsoft.com/office/drawing/2014/main" id="{16E4EFE3-C5DE-2210-DE03-9440391892D1}"/>
                  </a:ext>
                </a:extLst>
              </p:cNvPr>
              <p:cNvPicPr/>
              <p:nvPr/>
            </p:nvPicPr>
            <p:blipFill>
              <a:blip r:embed="rId34"/>
              <a:stretch>
                <a:fillRect/>
              </a:stretch>
            </p:blipFill>
            <p:spPr>
              <a:xfrm>
                <a:off x="5765948" y="3364575"/>
                <a:ext cx="75742" cy="99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5">
            <p14:nvContentPartPr>
              <p14:cNvPr id="36" name="Ink 35">
                <a:extLst>
                  <a:ext uri="{FF2B5EF4-FFF2-40B4-BE49-F238E27FC236}">
                    <a16:creationId xmlns:a16="http://schemas.microsoft.com/office/drawing/2014/main" id="{93321DDC-C261-D0FE-4349-1E879E4B0AD8}"/>
                  </a:ext>
                </a:extLst>
              </p14:cNvPr>
              <p14:cNvContentPartPr/>
              <p14:nvPr/>
            </p14:nvContentPartPr>
            <p14:xfrm>
              <a:off x="6612740" y="2551695"/>
              <a:ext cx="40320" cy="84240"/>
            </p14:xfrm>
          </p:contentPart>
        </mc:Choice>
        <mc:Fallback xmlns="">
          <p:pic>
            <p:nvPicPr>
              <p:cNvPr id="36" name="Ink 35">
                <a:extLst>
                  <a:ext uri="{FF2B5EF4-FFF2-40B4-BE49-F238E27FC236}">
                    <a16:creationId xmlns:a16="http://schemas.microsoft.com/office/drawing/2014/main" id="{93321DDC-C261-D0FE-4349-1E879E4B0AD8}"/>
                  </a:ext>
                </a:extLst>
              </p:cNvPr>
              <p:cNvPicPr/>
              <p:nvPr/>
            </p:nvPicPr>
            <p:blipFill>
              <a:blip r:embed="rId36"/>
              <a:stretch>
                <a:fillRect/>
              </a:stretch>
            </p:blipFill>
            <p:spPr>
              <a:xfrm>
                <a:off x="6601940" y="2540895"/>
                <a:ext cx="61560" cy="1054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7">
            <p14:nvContentPartPr>
              <p14:cNvPr id="37" name="Ink 36">
                <a:extLst>
                  <a:ext uri="{FF2B5EF4-FFF2-40B4-BE49-F238E27FC236}">
                    <a16:creationId xmlns:a16="http://schemas.microsoft.com/office/drawing/2014/main" id="{82629EE7-A276-4A5A-0A05-6C5E111333A4}"/>
                  </a:ext>
                </a:extLst>
              </p14:cNvPr>
              <p14:cNvContentPartPr/>
              <p14:nvPr/>
            </p14:nvContentPartPr>
            <p14:xfrm>
              <a:off x="6633620" y="3403455"/>
              <a:ext cx="37800" cy="77760"/>
            </p14:xfrm>
          </p:contentPart>
        </mc:Choice>
        <mc:Fallback xmlns="">
          <p:pic>
            <p:nvPicPr>
              <p:cNvPr id="37" name="Ink 36">
                <a:extLst>
                  <a:ext uri="{FF2B5EF4-FFF2-40B4-BE49-F238E27FC236}">
                    <a16:creationId xmlns:a16="http://schemas.microsoft.com/office/drawing/2014/main" id="{82629EE7-A276-4A5A-0A05-6C5E111333A4}"/>
                  </a:ext>
                </a:extLst>
              </p:cNvPr>
              <p:cNvPicPr/>
              <p:nvPr/>
            </p:nvPicPr>
            <p:blipFill>
              <a:blip r:embed="rId38"/>
              <a:stretch>
                <a:fillRect/>
              </a:stretch>
            </p:blipFill>
            <p:spPr>
              <a:xfrm>
                <a:off x="6622820" y="3392655"/>
                <a:ext cx="59040" cy="99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9">
            <p14:nvContentPartPr>
              <p14:cNvPr id="55" name="Ink 54">
                <a:extLst>
                  <a:ext uri="{FF2B5EF4-FFF2-40B4-BE49-F238E27FC236}">
                    <a16:creationId xmlns:a16="http://schemas.microsoft.com/office/drawing/2014/main" id="{FB672568-E0ED-A06D-05B5-BE63F95BA3BF}"/>
                  </a:ext>
                </a:extLst>
              </p14:cNvPr>
              <p14:cNvContentPartPr/>
              <p14:nvPr/>
            </p14:nvContentPartPr>
            <p14:xfrm>
              <a:off x="7202420" y="3990744"/>
              <a:ext cx="40320" cy="40320"/>
            </p14:xfrm>
          </p:contentPart>
        </mc:Choice>
        <mc:Fallback xmlns="">
          <p:pic>
            <p:nvPicPr>
              <p:cNvPr id="55" name="Ink 54">
                <a:extLst>
                  <a:ext uri="{FF2B5EF4-FFF2-40B4-BE49-F238E27FC236}">
                    <a16:creationId xmlns:a16="http://schemas.microsoft.com/office/drawing/2014/main" id="{FB672568-E0ED-A06D-05B5-BE63F95BA3BF}"/>
                  </a:ext>
                </a:extLst>
              </p:cNvPr>
              <p:cNvPicPr/>
              <p:nvPr/>
            </p:nvPicPr>
            <p:blipFill>
              <a:blip r:embed="rId40"/>
              <a:stretch>
                <a:fillRect/>
              </a:stretch>
            </p:blipFill>
            <p:spPr>
              <a:xfrm>
                <a:off x="7191523" y="3979847"/>
                <a:ext cx="61751" cy="617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1">
            <p14:nvContentPartPr>
              <p14:cNvPr id="63" name="Ink 62">
                <a:extLst>
                  <a:ext uri="{FF2B5EF4-FFF2-40B4-BE49-F238E27FC236}">
                    <a16:creationId xmlns:a16="http://schemas.microsoft.com/office/drawing/2014/main" id="{521E886E-F2F4-38C0-74DC-030A82A5D31B}"/>
                  </a:ext>
                </a:extLst>
              </p14:cNvPr>
              <p14:cNvContentPartPr/>
              <p14:nvPr/>
            </p14:nvContentPartPr>
            <p14:xfrm>
              <a:off x="7389620" y="3929904"/>
              <a:ext cx="297720" cy="129240"/>
            </p14:xfrm>
          </p:contentPart>
        </mc:Choice>
        <mc:Fallback xmlns="">
          <p:pic>
            <p:nvPicPr>
              <p:cNvPr id="63" name="Ink 62">
                <a:extLst>
                  <a:ext uri="{FF2B5EF4-FFF2-40B4-BE49-F238E27FC236}">
                    <a16:creationId xmlns:a16="http://schemas.microsoft.com/office/drawing/2014/main" id="{521E886E-F2F4-38C0-74DC-030A82A5D31B}"/>
                  </a:ext>
                </a:extLst>
              </p:cNvPr>
              <p:cNvPicPr/>
              <p:nvPr/>
            </p:nvPicPr>
            <p:blipFill>
              <a:blip r:embed="rId42"/>
              <a:stretch>
                <a:fillRect/>
              </a:stretch>
            </p:blipFill>
            <p:spPr>
              <a:xfrm>
                <a:off x="7378820" y="3919074"/>
                <a:ext cx="318960" cy="15053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3">
            <p14:nvContentPartPr>
              <p14:cNvPr id="69" name="Ink 68">
                <a:extLst>
                  <a:ext uri="{FF2B5EF4-FFF2-40B4-BE49-F238E27FC236}">
                    <a16:creationId xmlns:a16="http://schemas.microsoft.com/office/drawing/2014/main" id="{CA4DF545-D6EA-A3D3-AAE4-848BCA08AAE1}"/>
                  </a:ext>
                </a:extLst>
              </p14:cNvPr>
              <p14:cNvContentPartPr/>
              <p14:nvPr/>
            </p14:nvContentPartPr>
            <p14:xfrm>
              <a:off x="7738460" y="3840984"/>
              <a:ext cx="169200" cy="218160"/>
            </p14:xfrm>
          </p:contentPart>
        </mc:Choice>
        <mc:Fallback xmlns="">
          <p:pic>
            <p:nvPicPr>
              <p:cNvPr id="69" name="Ink 68">
                <a:extLst>
                  <a:ext uri="{FF2B5EF4-FFF2-40B4-BE49-F238E27FC236}">
                    <a16:creationId xmlns:a16="http://schemas.microsoft.com/office/drawing/2014/main" id="{CA4DF545-D6EA-A3D3-AAE4-848BCA08AAE1}"/>
                  </a:ext>
                </a:extLst>
              </p:cNvPr>
              <p:cNvPicPr/>
              <p:nvPr/>
            </p:nvPicPr>
            <p:blipFill>
              <a:blip r:embed="rId44"/>
              <a:stretch>
                <a:fillRect/>
              </a:stretch>
            </p:blipFill>
            <p:spPr>
              <a:xfrm>
                <a:off x="7727637" y="3830166"/>
                <a:ext cx="190485" cy="23943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5">
            <p14:nvContentPartPr>
              <p14:cNvPr id="49" name="Ink 48">
                <a:extLst>
                  <a:ext uri="{FF2B5EF4-FFF2-40B4-BE49-F238E27FC236}">
                    <a16:creationId xmlns:a16="http://schemas.microsoft.com/office/drawing/2014/main" id="{279B90AA-3DAB-0D22-4132-3442C1CCBC0D}"/>
                  </a:ext>
                </a:extLst>
              </p14:cNvPr>
              <p14:cNvContentPartPr/>
              <p14:nvPr/>
            </p14:nvContentPartPr>
            <p14:xfrm>
              <a:off x="692425" y="1516840"/>
              <a:ext cx="550080" cy="204840"/>
            </p14:xfrm>
          </p:contentPart>
        </mc:Choice>
        <mc:Fallback xmlns="">
          <p:pic>
            <p:nvPicPr>
              <p:cNvPr id="49" name="Ink 48">
                <a:extLst>
                  <a:ext uri="{FF2B5EF4-FFF2-40B4-BE49-F238E27FC236}">
                    <a16:creationId xmlns:a16="http://schemas.microsoft.com/office/drawing/2014/main" id="{279B90AA-3DAB-0D22-4132-3442C1CCBC0D}"/>
                  </a:ext>
                </a:extLst>
              </p:cNvPr>
              <p:cNvPicPr/>
              <p:nvPr/>
            </p:nvPicPr>
            <p:blipFill>
              <a:blip r:embed="rId46"/>
              <a:stretch>
                <a:fillRect/>
              </a:stretch>
            </p:blipFill>
            <p:spPr>
              <a:xfrm>
                <a:off x="681618" y="1506021"/>
                <a:ext cx="571334" cy="226117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7">
            <p14:nvContentPartPr>
              <p14:cNvPr id="53" name="Ink 52">
                <a:extLst>
                  <a:ext uri="{FF2B5EF4-FFF2-40B4-BE49-F238E27FC236}">
                    <a16:creationId xmlns:a16="http://schemas.microsoft.com/office/drawing/2014/main" id="{4C478393-7B5A-08C8-D5FA-D38F64BF878D}"/>
                  </a:ext>
                </a:extLst>
              </p14:cNvPr>
              <p14:cNvContentPartPr/>
              <p14:nvPr/>
            </p14:nvContentPartPr>
            <p14:xfrm>
              <a:off x="1424665" y="1618360"/>
              <a:ext cx="7200" cy="34920"/>
            </p14:xfrm>
          </p:contentPart>
        </mc:Choice>
        <mc:Fallback xmlns="">
          <p:pic>
            <p:nvPicPr>
              <p:cNvPr id="53" name="Ink 52">
                <a:extLst>
                  <a:ext uri="{FF2B5EF4-FFF2-40B4-BE49-F238E27FC236}">
                    <a16:creationId xmlns:a16="http://schemas.microsoft.com/office/drawing/2014/main" id="{4C478393-7B5A-08C8-D5FA-D38F64BF878D}"/>
                  </a:ext>
                </a:extLst>
              </p:cNvPr>
              <p:cNvPicPr/>
              <p:nvPr/>
            </p:nvPicPr>
            <p:blipFill>
              <a:blip r:embed="rId48"/>
              <a:stretch>
                <a:fillRect/>
              </a:stretch>
            </p:blipFill>
            <p:spPr>
              <a:xfrm>
                <a:off x="1413865" y="1607560"/>
                <a:ext cx="28440" cy="561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9">
            <p14:nvContentPartPr>
              <p14:cNvPr id="59" name="Ink 58">
                <a:extLst>
                  <a:ext uri="{FF2B5EF4-FFF2-40B4-BE49-F238E27FC236}">
                    <a16:creationId xmlns:a16="http://schemas.microsoft.com/office/drawing/2014/main" id="{21D8E239-040C-DA0D-C3E1-F7A34C84D66E}"/>
                  </a:ext>
                </a:extLst>
              </p14:cNvPr>
              <p14:cNvContentPartPr/>
              <p14:nvPr/>
            </p14:nvContentPartPr>
            <p14:xfrm>
              <a:off x="1493785" y="1528360"/>
              <a:ext cx="90360" cy="125280"/>
            </p14:xfrm>
          </p:contentPart>
        </mc:Choice>
        <mc:Fallback xmlns="">
          <p:pic>
            <p:nvPicPr>
              <p:cNvPr id="59" name="Ink 58">
                <a:extLst>
                  <a:ext uri="{FF2B5EF4-FFF2-40B4-BE49-F238E27FC236}">
                    <a16:creationId xmlns:a16="http://schemas.microsoft.com/office/drawing/2014/main" id="{21D8E239-040C-DA0D-C3E1-F7A34C84D66E}"/>
                  </a:ext>
                </a:extLst>
              </p:cNvPr>
              <p:cNvPicPr/>
              <p:nvPr/>
            </p:nvPicPr>
            <p:blipFill>
              <a:blip r:embed="rId50"/>
              <a:stretch>
                <a:fillRect/>
              </a:stretch>
            </p:blipFill>
            <p:spPr>
              <a:xfrm>
                <a:off x="1482985" y="1517529"/>
                <a:ext cx="111600" cy="14658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1">
            <p14:nvContentPartPr>
              <p14:cNvPr id="65" name="Ink 64">
                <a:extLst>
                  <a:ext uri="{FF2B5EF4-FFF2-40B4-BE49-F238E27FC236}">
                    <a16:creationId xmlns:a16="http://schemas.microsoft.com/office/drawing/2014/main" id="{A22CE4BB-F1FD-1713-0250-4CF9945BEC52}"/>
                  </a:ext>
                </a:extLst>
              </p14:cNvPr>
              <p14:cNvContentPartPr/>
              <p14:nvPr/>
            </p14:nvContentPartPr>
            <p14:xfrm>
              <a:off x="1634545" y="1641760"/>
              <a:ext cx="11880" cy="30240"/>
            </p14:xfrm>
          </p:contentPart>
        </mc:Choice>
        <mc:Fallback xmlns="">
          <p:pic>
            <p:nvPicPr>
              <p:cNvPr id="65" name="Ink 64">
                <a:extLst>
                  <a:ext uri="{FF2B5EF4-FFF2-40B4-BE49-F238E27FC236}">
                    <a16:creationId xmlns:a16="http://schemas.microsoft.com/office/drawing/2014/main" id="{A22CE4BB-F1FD-1713-0250-4CF9945BEC52}"/>
                  </a:ext>
                </a:extLst>
              </p:cNvPr>
              <p:cNvPicPr/>
              <p:nvPr/>
            </p:nvPicPr>
            <p:blipFill>
              <a:blip r:embed="rId52"/>
              <a:stretch>
                <a:fillRect/>
              </a:stretch>
            </p:blipFill>
            <p:spPr>
              <a:xfrm>
                <a:off x="1623745" y="1630960"/>
                <a:ext cx="33120" cy="514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3">
            <p14:nvContentPartPr>
              <p14:cNvPr id="72" name="Ink 71">
                <a:extLst>
                  <a:ext uri="{FF2B5EF4-FFF2-40B4-BE49-F238E27FC236}">
                    <a16:creationId xmlns:a16="http://schemas.microsoft.com/office/drawing/2014/main" id="{3849ADAB-438D-7212-9E5E-E17EBCED24E0}"/>
                  </a:ext>
                </a:extLst>
              </p14:cNvPr>
              <p14:cNvContentPartPr/>
              <p14:nvPr/>
            </p14:nvContentPartPr>
            <p14:xfrm>
              <a:off x="1334305" y="1519360"/>
              <a:ext cx="48960" cy="113400"/>
            </p14:xfrm>
          </p:contentPart>
        </mc:Choice>
        <mc:Fallback xmlns="">
          <p:pic>
            <p:nvPicPr>
              <p:cNvPr id="72" name="Ink 71">
                <a:extLst>
                  <a:ext uri="{FF2B5EF4-FFF2-40B4-BE49-F238E27FC236}">
                    <a16:creationId xmlns:a16="http://schemas.microsoft.com/office/drawing/2014/main" id="{3849ADAB-438D-7212-9E5E-E17EBCED24E0}"/>
                  </a:ext>
                </a:extLst>
              </p:cNvPr>
              <p:cNvPicPr/>
              <p:nvPr/>
            </p:nvPicPr>
            <p:blipFill>
              <a:blip r:embed="rId54"/>
              <a:stretch>
                <a:fillRect/>
              </a:stretch>
            </p:blipFill>
            <p:spPr>
              <a:xfrm>
                <a:off x="1323505" y="1508560"/>
                <a:ext cx="70200" cy="1346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5">
            <p14:nvContentPartPr>
              <p14:cNvPr id="74" name="Ink 73">
                <a:extLst>
                  <a:ext uri="{FF2B5EF4-FFF2-40B4-BE49-F238E27FC236}">
                    <a16:creationId xmlns:a16="http://schemas.microsoft.com/office/drawing/2014/main" id="{8B6B13D4-E4D5-4ED2-03A6-2C7A477ECCBA}"/>
                  </a:ext>
                </a:extLst>
              </p14:cNvPr>
              <p14:cNvContentPartPr/>
              <p14:nvPr/>
            </p14:nvContentPartPr>
            <p14:xfrm>
              <a:off x="1701505" y="1535200"/>
              <a:ext cx="55440" cy="106200"/>
            </p14:xfrm>
          </p:contentPart>
        </mc:Choice>
        <mc:Fallback xmlns="">
          <p:pic>
            <p:nvPicPr>
              <p:cNvPr id="74" name="Ink 73">
                <a:extLst>
                  <a:ext uri="{FF2B5EF4-FFF2-40B4-BE49-F238E27FC236}">
                    <a16:creationId xmlns:a16="http://schemas.microsoft.com/office/drawing/2014/main" id="{8B6B13D4-E4D5-4ED2-03A6-2C7A477ECCBA}"/>
                  </a:ext>
                </a:extLst>
              </p:cNvPr>
              <p:cNvPicPr/>
              <p:nvPr/>
            </p:nvPicPr>
            <p:blipFill>
              <a:blip r:embed="rId56"/>
              <a:stretch>
                <a:fillRect/>
              </a:stretch>
            </p:blipFill>
            <p:spPr>
              <a:xfrm>
                <a:off x="1690634" y="1524400"/>
                <a:ext cx="76819" cy="127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7">
            <p14:nvContentPartPr>
              <p14:cNvPr id="97" name="Ink 96">
                <a:extLst>
                  <a:ext uri="{FF2B5EF4-FFF2-40B4-BE49-F238E27FC236}">
                    <a16:creationId xmlns:a16="http://schemas.microsoft.com/office/drawing/2014/main" id="{19EEC3EA-8FE4-B811-1DD3-B3418B23054C}"/>
                  </a:ext>
                </a:extLst>
              </p14:cNvPr>
              <p14:cNvContentPartPr/>
              <p14:nvPr/>
            </p14:nvContentPartPr>
            <p14:xfrm>
              <a:off x="690265" y="1690000"/>
              <a:ext cx="813240" cy="145440"/>
            </p14:xfrm>
          </p:contentPart>
        </mc:Choice>
        <mc:Fallback xmlns="">
          <p:pic>
            <p:nvPicPr>
              <p:cNvPr id="97" name="Ink 96">
                <a:extLst>
                  <a:ext uri="{FF2B5EF4-FFF2-40B4-BE49-F238E27FC236}">
                    <a16:creationId xmlns:a16="http://schemas.microsoft.com/office/drawing/2014/main" id="{19EEC3EA-8FE4-B811-1DD3-B3418B23054C}"/>
                  </a:ext>
                </a:extLst>
              </p:cNvPr>
              <p:cNvPicPr/>
              <p:nvPr/>
            </p:nvPicPr>
            <p:blipFill>
              <a:blip r:embed="rId58"/>
              <a:stretch>
                <a:fillRect/>
              </a:stretch>
            </p:blipFill>
            <p:spPr>
              <a:xfrm>
                <a:off x="679465" y="1679173"/>
                <a:ext cx="834480" cy="16673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9">
            <p14:nvContentPartPr>
              <p14:cNvPr id="108" name="Ink 107">
                <a:extLst>
                  <a:ext uri="{FF2B5EF4-FFF2-40B4-BE49-F238E27FC236}">
                    <a16:creationId xmlns:a16="http://schemas.microsoft.com/office/drawing/2014/main" id="{3C8A1894-5BB4-1B98-8E6A-B21313D810DC}"/>
                  </a:ext>
                </a:extLst>
              </p14:cNvPr>
              <p14:cNvContentPartPr/>
              <p14:nvPr/>
            </p14:nvContentPartPr>
            <p14:xfrm>
              <a:off x="1620865" y="1724560"/>
              <a:ext cx="346680" cy="150480"/>
            </p14:xfrm>
          </p:contentPart>
        </mc:Choice>
        <mc:Fallback xmlns="">
          <p:pic>
            <p:nvPicPr>
              <p:cNvPr id="108" name="Ink 107">
                <a:extLst>
                  <a:ext uri="{FF2B5EF4-FFF2-40B4-BE49-F238E27FC236}">
                    <a16:creationId xmlns:a16="http://schemas.microsoft.com/office/drawing/2014/main" id="{3C8A1894-5BB4-1B98-8E6A-B21313D810DC}"/>
                  </a:ext>
                </a:extLst>
              </p:cNvPr>
              <p:cNvPicPr/>
              <p:nvPr/>
            </p:nvPicPr>
            <p:blipFill>
              <a:blip r:embed="rId60"/>
              <a:stretch>
                <a:fillRect/>
              </a:stretch>
            </p:blipFill>
            <p:spPr>
              <a:xfrm>
                <a:off x="1610065" y="1713760"/>
                <a:ext cx="367920" cy="1717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1">
            <p14:nvContentPartPr>
              <p14:cNvPr id="123" name="Ink 122">
                <a:extLst>
                  <a:ext uri="{FF2B5EF4-FFF2-40B4-BE49-F238E27FC236}">
                    <a16:creationId xmlns:a16="http://schemas.microsoft.com/office/drawing/2014/main" id="{0472969F-2D11-BAC1-37FF-4840CF08C5D3}"/>
                  </a:ext>
                </a:extLst>
              </p14:cNvPr>
              <p14:cNvContentPartPr/>
              <p14:nvPr/>
            </p14:nvContentPartPr>
            <p14:xfrm>
              <a:off x="1939465" y="1302280"/>
              <a:ext cx="404640" cy="187200"/>
            </p14:xfrm>
          </p:contentPart>
        </mc:Choice>
        <mc:Fallback xmlns="">
          <p:pic>
            <p:nvPicPr>
              <p:cNvPr id="123" name="Ink 122">
                <a:extLst>
                  <a:ext uri="{FF2B5EF4-FFF2-40B4-BE49-F238E27FC236}">
                    <a16:creationId xmlns:a16="http://schemas.microsoft.com/office/drawing/2014/main" id="{0472969F-2D11-BAC1-37FF-4840CF08C5D3}"/>
                  </a:ext>
                </a:extLst>
              </p:cNvPr>
              <p:cNvPicPr/>
              <p:nvPr/>
            </p:nvPicPr>
            <p:blipFill>
              <a:blip r:embed="rId62"/>
              <a:stretch>
                <a:fillRect/>
              </a:stretch>
            </p:blipFill>
            <p:spPr>
              <a:xfrm>
                <a:off x="1928665" y="1291480"/>
                <a:ext cx="425880" cy="208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3">
            <p14:nvContentPartPr>
              <p14:cNvPr id="124" name="Ink 123">
                <a:extLst>
                  <a:ext uri="{FF2B5EF4-FFF2-40B4-BE49-F238E27FC236}">
                    <a16:creationId xmlns:a16="http://schemas.microsoft.com/office/drawing/2014/main" id="{679BDE46-1E76-7C54-C54D-27A080A66ABD}"/>
                  </a:ext>
                </a:extLst>
              </p14:cNvPr>
              <p14:cNvContentPartPr/>
              <p14:nvPr/>
            </p14:nvContentPartPr>
            <p14:xfrm>
              <a:off x="706465" y="1904920"/>
              <a:ext cx="101880" cy="92880"/>
            </p14:xfrm>
          </p:contentPart>
        </mc:Choice>
        <mc:Fallback xmlns="">
          <p:pic>
            <p:nvPicPr>
              <p:cNvPr id="124" name="Ink 123">
                <a:extLst>
                  <a:ext uri="{FF2B5EF4-FFF2-40B4-BE49-F238E27FC236}">
                    <a16:creationId xmlns:a16="http://schemas.microsoft.com/office/drawing/2014/main" id="{679BDE46-1E76-7C54-C54D-27A080A66ABD}"/>
                  </a:ext>
                </a:extLst>
              </p:cNvPr>
              <p:cNvPicPr/>
              <p:nvPr/>
            </p:nvPicPr>
            <p:blipFill>
              <a:blip r:embed="rId64"/>
              <a:stretch>
                <a:fillRect/>
              </a:stretch>
            </p:blipFill>
            <p:spPr>
              <a:xfrm>
                <a:off x="695703" y="1894120"/>
                <a:ext cx="123045" cy="1141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5">
            <p14:nvContentPartPr>
              <p14:cNvPr id="127" name="Ink 126">
                <a:extLst>
                  <a:ext uri="{FF2B5EF4-FFF2-40B4-BE49-F238E27FC236}">
                    <a16:creationId xmlns:a16="http://schemas.microsoft.com/office/drawing/2014/main" id="{198D3712-C602-EB16-BF59-58436537E5C9}"/>
                  </a:ext>
                </a:extLst>
              </p14:cNvPr>
              <p14:cNvContentPartPr/>
              <p14:nvPr/>
            </p14:nvContentPartPr>
            <p14:xfrm>
              <a:off x="863425" y="1941640"/>
              <a:ext cx="32760" cy="44280"/>
            </p14:xfrm>
          </p:contentPart>
        </mc:Choice>
        <mc:Fallback xmlns="">
          <p:pic>
            <p:nvPicPr>
              <p:cNvPr id="127" name="Ink 126">
                <a:extLst>
                  <a:ext uri="{FF2B5EF4-FFF2-40B4-BE49-F238E27FC236}">
                    <a16:creationId xmlns:a16="http://schemas.microsoft.com/office/drawing/2014/main" id="{198D3712-C602-EB16-BF59-58436537E5C9}"/>
                  </a:ext>
                </a:extLst>
              </p:cNvPr>
              <p:cNvPicPr/>
              <p:nvPr/>
            </p:nvPicPr>
            <p:blipFill>
              <a:blip r:embed="rId66"/>
              <a:stretch>
                <a:fillRect/>
              </a:stretch>
            </p:blipFill>
            <p:spPr>
              <a:xfrm>
                <a:off x="852625" y="1930840"/>
                <a:ext cx="54000" cy="65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7">
            <p14:nvContentPartPr>
              <p14:cNvPr id="131" name="Ink 130">
                <a:extLst>
                  <a:ext uri="{FF2B5EF4-FFF2-40B4-BE49-F238E27FC236}">
                    <a16:creationId xmlns:a16="http://schemas.microsoft.com/office/drawing/2014/main" id="{65225444-0934-7ABE-B628-A8047471E2E4}"/>
                  </a:ext>
                </a:extLst>
              </p14:cNvPr>
              <p14:cNvContentPartPr/>
              <p14:nvPr/>
            </p14:nvContentPartPr>
            <p14:xfrm>
              <a:off x="990505" y="1888720"/>
              <a:ext cx="238320" cy="143640"/>
            </p14:xfrm>
          </p:contentPart>
        </mc:Choice>
        <mc:Fallback xmlns="">
          <p:pic>
            <p:nvPicPr>
              <p:cNvPr id="131" name="Ink 130">
                <a:extLst>
                  <a:ext uri="{FF2B5EF4-FFF2-40B4-BE49-F238E27FC236}">
                    <a16:creationId xmlns:a16="http://schemas.microsoft.com/office/drawing/2014/main" id="{65225444-0934-7ABE-B628-A8047471E2E4}"/>
                  </a:ext>
                </a:extLst>
              </p:cNvPr>
              <p:cNvPicPr/>
              <p:nvPr/>
            </p:nvPicPr>
            <p:blipFill>
              <a:blip r:embed="rId68"/>
              <a:stretch>
                <a:fillRect/>
              </a:stretch>
            </p:blipFill>
            <p:spPr>
              <a:xfrm>
                <a:off x="979705" y="1877920"/>
                <a:ext cx="259560" cy="164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9">
            <p14:nvContentPartPr>
              <p14:cNvPr id="134" name="Ink 133">
                <a:extLst>
                  <a:ext uri="{FF2B5EF4-FFF2-40B4-BE49-F238E27FC236}">
                    <a16:creationId xmlns:a16="http://schemas.microsoft.com/office/drawing/2014/main" id="{98DEE9F2-BA80-6AC4-C688-D36B62212308}"/>
                  </a:ext>
                </a:extLst>
              </p14:cNvPr>
              <p14:cNvContentPartPr/>
              <p14:nvPr/>
            </p14:nvContentPartPr>
            <p14:xfrm>
              <a:off x="1248985" y="1902400"/>
              <a:ext cx="210240" cy="143640"/>
            </p14:xfrm>
          </p:contentPart>
        </mc:Choice>
        <mc:Fallback xmlns="">
          <p:pic>
            <p:nvPicPr>
              <p:cNvPr id="134" name="Ink 133">
                <a:extLst>
                  <a:ext uri="{FF2B5EF4-FFF2-40B4-BE49-F238E27FC236}">
                    <a16:creationId xmlns:a16="http://schemas.microsoft.com/office/drawing/2014/main" id="{98DEE9F2-BA80-6AC4-C688-D36B62212308}"/>
                  </a:ext>
                </a:extLst>
              </p:cNvPr>
              <p:cNvPicPr/>
              <p:nvPr/>
            </p:nvPicPr>
            <p:blipFill>
              <a:blip r:embed="rId70"/>
              <a:stretch>
                <a:fillRect/>
              </a:stretch>
            </p:blipFill>
            <p:spPr>
              <a:xfrm>
                <a:off x="1238185" y="1891573"/>
                <a:ext cx="231480" cy="16493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1">
            <p14:nvContentPartPr>
              <p14:cNvPr id="138" name="Ink 137">
                <a:extLst>
                  <a:ext uri="{FF2B5EF4-FFF2-40B4-BE49-F238E27FC236}">
                    <a16:creationId xmlns:a16="http://schemas.microsoft.com/office/drawing/2014/main" id="{C95AF8A5-504C-8E73-7423-3185B6D3D580}"/>
                  </a:ext>
                </a:extLst>
              </p14:cNvPr>
              <p14:cNvContentPartPr/>
              <p14:nvPr/>
            </p14:nvContentPartPr>
            <p14:xfrm>
              <a:off x="1499545" y="1911760"/>
              <a:ext cx="84600" cy="141120"/>
            </p14:xfrm>
          </p:contentPart>
        </mc:Choice>
        <mc:Fallback xmlns="">
          <p:pic>
            <p:nvPicPr>
              <p:cNvPr id="138" name="Ink 137">
                <a:extLst>
                  <a:ext uri="{FF2B5EF4-FFF2-40B4-BE49-F238E27FC236}">
                    <a16:creationId xmlns:a16="http://schemas.microsoft.com/office/drawing/2014/main" id="{C95AF8A5-504C-8E73-7423-3185B6D3D580}"/>
                  </a:ext>
                </a:extLst>
              </p:cNvPr>
              <p:cNvPicPr/>
              <p:nvPr/>
            </p:nvPicPr>
            <p:blipFill>
              <a:blip r:embed="rId72"/>
              <a:stretch>
                <a:fillRect/>
              </a:stretch>
            </p:blipFill>
            <p:spPr>
              <a:xfrm>
                <a:off x="1488791" y="1900987"/>
                <a:ext cx="105750" cy="162306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3">
            <p14:nvContentPartPr>
              <p14:cNvPr id="144" name="Ink 143">
                <a:extLst>
                  <a:ext uri="{FF2B5EF4-FFF2-40B4-BE49-F238E27FC236}">
                    <a16:creationId xmlns:a16="http://schemas.microsoft.com/office/drawing/2014/main" id="{093F7008-B5AC-EF65-32FA-1E06C65E9FF7}"/>
                  </a:ext>
                </a:extLst>
              </p14:cNvPr>
              <p14:cNvContentPartPr/>
              <p14:nvPr/>
            </p14:nvContentPartPr>
            <p14:xfrm>
              <a:off x="1637065" y="1927960"/>
              <a:ext cx="159840" cy="132120"/>
            </p14:xfrm>
          </p:contentPart>
        </mc:Choice>
        <mc:Fallback xmlns="">
          <p:pic>
            <p:nvPicPr>
              <p:cNvPr id="144" name="Ink 143">
                <a:extLst>
                  <a:ext uri="{FF2B5EF4-FFF2-40B4-BE49-F238E27FC236}">
                    <a16:creationId xmlns:a16="http://schemas.microsoft.com/office/drawing/2014/main" id="{093F7008-B5AC-EF65-32FA-1E06C65E9FF7}"/>
                  </a:ext>
                </a:extLst>
              </p:cNvPr>
              <p:cNvPicPr/>
              <p:nvPr/>
            </p:nvPicPr>
            <p:blipFill>
              <a:blip r:embed="rId74"/>
              <a:stretch>
                <a:fillRect/>
              </a:stretch>
            </p:blipFill>
            <p:spPr>
              <a:xfrm>
                <a:off x="1626265" y="1917160"/>
                <a:ext cx="181080" cy="153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5">
            <p14:nvContentPartPr>
              <p14:cNvPr id="150" name="Ink 149">
                <a:extLst>
                  <a:ext uri="{FF2B5EF4-FFF2-40B4-BE49-F238E27FC236}">
                    <a16:creationId xmlns:a16="http://schemas.microsoft.com/office/drawing/2014/main" id="{D767AA65-F100-CD76-B3BD-B9F2F35F2BAC}"/>
                  </a:ext>
                </a:extLst>
              </p14:cNvPr>
              <p14:cNvContentPartPr/>
              <p14:nvPr/>
            </p14:nvContentPartPr>
            <p14:xfrm>
              <a:off x="1842625" y="1925440"/>
              <a:ext cx="111240" cy="141120"/>
            </p14:xfrm>
          </p:contentPart>
        </mc:Choice>
        <mc:Fallback xmlns="">
          <p:pic>
            <p:nvPicPr>
              <p:cNvPr id="150" name="Ink 149">
                <a:extLst>
                  <a:ext uri="{FF2B5EF4-FFF2-40B4-BE49-F238E27FC236}">
                    <a16:creationId xmlns:a16="http://schemas.microsoft.com/office/drawing/2014/main" id="{D767AA65-F100-CD76-B3BD-B9F2F35F2BAC}"/>
                  </a:ext>
                </a:extLst>
              </p:cNvPr>
              <p:cNvPicPr/>
              <p:nvPr/>
            </p:nvPicPr>
            <p:blipFill>
              <a:blip r:embed="rId76"/>
              <a:stretch>
                <a:fillRect/>
              </a:stretch>
            </p:blipFill>
            <p:spPr>
              <a:xfrm>
                <a:off x="1831825" y="1914640"/>
                <a:ext cx="132480" cy="162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7">
            <p14:nvContentPartPr>
              <p14:cNvPr id="162" name="Ink 161">
                <a:extLst>
                  <a:ext uri="{FF2B5EF4-FFF2-40B4-BE49-F238E27FC236}">
                    <a16:creationId xmlns:a16="http://schemas.microsoft.com/office/drawing/2014/main" id="{4CC60F95-D857-9E4A-910B-72BB59DF971B}"/>
                  </a:ext>
                </a:extLst>
              </p14:cNvPr>
              <p14:cNvContentPartPr/>
              <p14:nvPr/>
            </p14:nvContentPartPr>
            <p14:xfrm>
              <a:off x="2156005" y="1863700"/>
              <a:ext cx="53280" cy="235800"/>
            </p14:xfrm>
          </p:contentPart>
        </mc:Choice>
        <mc:Fallback xmlns="">
          <p:pic>
            <p:nvPicPr>
              <p:cNvPr id="162" name="Ink 161">
                <a:extLst>
                  <a:ext uri="{FF2B5EF4-FFF2-40B4-BE49-F238E27FC236}">
                    <a16:creationId xmlns:a16="http://schemas.microsoft.com/office/drawing/2014/main" id="{4CC60F95-D857-9E4A-910B-72BB59DF971B}"/>
                  </a:ext>
                </a:extLst>
              </p:cNvPr>
              <p:cNvPicPr/>
              <p:nvPr/>
            </p:nvPicPr>
            <p:blipFill>
              <a:blip r:embed="rId78"/>
              <a:stretch>
                <a:fillRect/>
              </a:stretch>
            </p:blipFill>
            <p:spPr>
              <a:xfrm>
                <a:off x="2145205" y="1852900"/>
                <a:ext cx="74520" cy="257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9">
            <p14:nvContentPartPr>
              <p14:cNvPr id="169" name="Ink 168">
                <a:extLst>
                  <a:ext uri="{FF2B5EF4-FFF2-40B4-BE49-F238E27FC236}">
                    <a16:creationId xmlns:a16="http://schemas.microsoft.com/office/drawing/2014/main" id="{8E672196-9E9E-7164-5F6F-AABFEBBEFC8E}"/>
                  </a:ext>
                </a:extLst>
              </p14:cNvPr>
              <p14:cNvContentPartPr/>
              <p14:nvPr/>
            </p14:nvContentPartPr>
            <p14:xfrm>
              <a:off x="2227285" y="1856860"/>
              <a:ext cx="205920" cy="288720"/>
            </p14:xfrm>
          </p:contentPart>
        </mc:Choice>
        <mc:Fallback xmlns="">
          <p:pic>
            <p:nvPicPr>
              <p:cNvPr id="169" name="Ink 168">
                <a:extLst>
                  <a:ext uri="{FF2B5EF4-FFF2-40B4-BE49-F238E27FC236}">
                    <a16:creationId xmlns:a16="http://schemas.microsoft.com/office/drawing/2014/main" id="{8E672196-9E9E-7164-5F6F-AABFEBBEFC8E}"/>
                  </a:ext>
                </a:extLst>
              </p:cNvPr>
              <p:cNvPicPr/>
              <p:nvPr/>
            </p:nvPicPr>
            <p:blipFill>
              <a:blip r:embed="rId80"/>
              <a:stretch>
                <a:fillRect/>
              </a:stretch>
            </p:blipFill>
            <p:spPr>
              <a:xfrm>
                <a:off x="2216485" y="1846060"/>
                <a:ext cx="227160" cy="309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1">
            <p14:nvContentPartPr>
              <p14:cNvPr id="170" name="Ink 169">
                <a:extLst>
                  <a:ext uri="{FF2B5EF4-FFF2-40B4-BE49-F238E27FC236}">
                    <a16:creationId xmlns:a16="http://schemas.microsoft.com/office/drawing/2014/main" id="{EE1B20BF-7974-FE92-E135-229E9D7E270F}"/>
                  </a:ext>
                </a:extLst>
              </p14:cNvPr>
              <p14:cNvContentPartPr/>
              <p14:nvPr/>
            </p14:nvContentPartPr>
            <p14:xfrm>
              <a:off x="2305765" y="1828060"/>
              <a:ext cx="71280" cy="72360"/>
            </p14:xfrm>
          </p:contentPart>
        </mc:Choice>
        <mc:Fallback xmlns="">
          <p:pic>
            <p:nvPicPr>
              <p:cNvPr id="170" name="Ink 169">
                <a:extLst>
                  <a:ext uri="{FF2B5EF4-FFF2-40B4-BE49-F238E27FC236}">
                    <a16:creationId xmlns:a16="http://schemas.microsoft.com/office/drawing/2014/main" id="{EE1B20BF-7974-FE92-E135-229E9D7E270F}"/>
                  </a:ext>
                </a:extLst>
              </p:cNvPr>
              <p:cNvPicPr/>
              <p:nvPr/>
            </p:nvPicPr>
            <p:blipFill>
              <a:blip r:embed="rId82"/>
              <a:stretch>
                <a:fillRect/>
              </a:stretch>
            </p:blipFill>
            <p:spPr>
              <a:xfrm>
                <a:off x="2294965" y="1817260"/>
                <a:ext cx="92520" cy="93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3">
            <p14:nvContentPartPr>
              <p14:cNvPr id="175" name="Ink 174">
                <a:extLst>
                  <a:ext uri="{FF2B5EF4-FFF2-40B4-BE49-F238E27FC236}">
                    <a16:creationId xmlns:a16="http://schemas.microsoft.com/office/drawing/2014/main" id="{4E3562DC-8C6D-C329-D283-EF30F9D940EA}"/>
                  </a:ext>
                </a:extLst>
              </p14:cNvPr>
              <p14:cNvContentPartPr/>
              <p14:nvPr/>
            </p14:nvContentPartPr>
            <p14:xfrm>
              <a:off x="2008585" y="1985560"/>
              <a:ext cx="106560" cy="102240"/>
            </p14:xfrm>
          </p:contentPart>
        </mc:Choice>
        <mc:Fallback xmlns="">
          <p:pic>
            <p:nvPicPr>
              <p:cNvPr id="175" name="Ink 174">
                <a:extLst>
                  <a:ext uri="{FF2B5EF4-FFF2-40B4-BE49-F238E27FC236}">
                    <a16:creationId xmlns:a16="http://schemas.microsoft.com/office/drawing/2014/main" id="{4E3562DC-8C6D-C329-D283-EF30F9D940EA}"/>
                  </a:ext>
                </a:extLst>
              </p:cNvPr>
              <p:cNvPicPr/>
              <p:nvPr/>
            </p:nvPicPr>
            <p:blipFill>
              <a:blip r:embed="rId84"/>
              <a:stretch>
                <a:fillRect/>
              </a:stretch>
            </p:blipFill>
            <p:spPr>
              <a:xfrm>
                <a:off x="1997785" y="1974722"/>
                <a:ext cx="127800" cy="12355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5">
            <p14:nvContentPartPr>
              <p14:cNvPr id="178" name="Ink 177">
                <a:extLst>
                  <a:ext uri="{FF2B5EF4-FFF2-40B4-BE49-F238E27FC236}">
                    <a16:creationId xmlns:a16="http://schemas.microsoft.com/office/drawing/2014/main" id="{BF98BA65-E86C-54ED-BFF6-172B3C2161F9}"/>
                  </a:ext>
                </a:extLst>
              </p14:cNvPr>
              <p14:cNvContentPartPr/>
              <p14:nvPr/>
            </p14:nvContentPartPr>
            <p14:xfrm>
              <a:off x="1893565" y="1530880"/>
              <a:ext cx="72000" cy="111240"/>
            </p14:xfrm>
          </p:contentPart>
        </mc:Choice>
        <mc:Fallback xmlns="">
          <p:pic>
            <p:nvPicPr>
              <p:cNvPr id="178" name="Ink 177">
                <a:extLst>
                  <a:ext uri="{FF2B5EF4-FFF2-40B4-BE49-F238E27FC236}">
                    <a16:creationId xmlns:a16="http://schemas.microsoft.com/office/drawing/2014/main" id="{BF98BA65-E86C-54ED-BFF6-172B3C2161F9}"/>
                  </a:ext>
                </a:extLst>
              </p:cNvPr>
              <p:cNvPicPr/>
              <p:nvPr/>
            </p:nvPicPr>
            <p:blipFill>
              <a:blip r:embed="rId86"/>
              <a:stretch>
                <a:fillRect/>
              </a:stretch>
            </p:blipFill>
            <p:spPr>
              <a:xfrm>
                <a:off x="1882765" y="1520080"/>
                <a:ext cx="93240" cy="1324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7">
            <p14:nvContentPartPr>
              <p14:cNvPr id="186" name="Ink 185">
                <a:extLst>
                  <a:ext uri="{FF2B5EF4-FFF2-40B4-BE49-F238E27FC236}">
                    <a16:creationId xmlns:a16="http://schemas.microsoft.com/office/drawing/2014/main" id="{707D0D3C-5D7C-A721-E6E7-D7E053FC4412}"/>
                  </a:ext>
                </a:extLst>
              </p14:cNvPr>
              <p14:cNvContentPartPr/>
              <p14:nvPr/>
            </p14:nvContentPartPr>
            <p14:xfrm>
              <a:off x="2018485" y="1498480"/>
              <a:ext cx="503640" cy="158400"/>
            </p14:xfrm>
          </p:contentPart>
        </mc:Choice>
        <mc:Fallback xmlns="">
          <p:pic>
            <p:nvPicPr>
              <p:cNvPr id="186" name="Ink 185">
                <a:extLst>
                  <a:ext uri="{FF2B5EF4-FFF2-40B4-BE49-F238E27FC236}">
                    <a16:creationId xmlns:a16="http://schemas.microsoft.com/office/drawing/2014/main" id="{707D0D3C-5D7C-A721-E6E7-D7E053FC4412}"/>
                  </a:ext>
                </a:extLst>
              </p:cNvPr>
              <p:cNvPicPr/>
              <p:nvPr/>
            </p:nvPicPr>
            <p:blipFill>
              <a:blip r:embed="rId88"/>
              <a:stretch>
                <a:fillRect/>
              </a:stretch>
            </p:blipFill>
            <p:spPr>
              <a:xfrm>
                <a:off x="2007693" y="1487680"/>
                <a:ext cx="524865" cy="1796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9">
            <p14:nvContentPartPr>
              <p14:cNvPr id="189" name="Ink 188">
                <a:extLst>
                  <a:ext uri="{FF2B5EF4-FFF2-40B4-BE49-F238E27FC236}">
                    <a16:creationId xmlns:a16="http://schemas.microsoft.com/office/drawing/2014/main" id="{62E16C49-38E6-F20D-8C26-782C17E2EF24}"/>
                  </a:ext>
                </a:extLst>
              </p14:cNvPr>
              <p14:cNvContentPartPr/>
              <p14:nvPr/>
            </p14:nvContentPartPr>
            <p14:xfrm>
              <a:off x="2514925" y="1605040"/>
              <a:ext cx="23400" cy="67320"/>
            </p14:xfrm>
          </p:contentPart>
        </mc:Choice>
        <mc:Fallback xmlns="">
          <p:pic>
            <p:nvPicPr>
              <p:cNvPr id="189" name="Ink 188">
                <a:extLst>
                  <a:ext uri="{FF2B5EF4-FFF2-40B4-BE49-F238E27FC236}">
                    <a16:creationId xmlns:a16="http://schemas.microsoft.com/office/drawing/2014/main" id="{62E16C49-38E6-F20D-8C26-782C17E2EF24}"/>
                  </a:ext>
                </a:extLst>
              </p:cNvPr>
              <p:cNvPicPr/>
              <p:nvPr/>
            </p:nvPicPr>
            <p:blipFill>
              <a:blip r:embed="rId90"/>
              <a:stretch>
                <a:fillRect/>
              </a:stretch>
            </p:blipFill>
            <p:spPr>
              <a:xfrm>
                <a:off x="2504289" y="1594240"/>
                <a:ext cx="44318" cy="885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1">
            <p14:nvContentPartPr>
              <p14:cNvPr id="192" name="Ink 191">
                <a:extLst>
                  <a:ext uri="{FF2B5EF4-FFF2-40B4-BE49-F238E27FC236}">
                    <a16:creationId xmlns:a16="http://schemas.microsoft.com/office/drawing/2014/main" id="{EEF0462F-D0B4-A543-8ABA-3490899C6F37}"/>
                  </a:ext>
                </a:extLst>
              </p14:cNvPr>
              <p14:cNvContentPartPr/>
              <p14:nvPr/>
            </p14:nvContentPartPr>
            <p14:xfrm>
              <a:off x="761905" y="2325040"/>
              <a:ext cx="60120" cy="118080"/>
            </p14:xfrm>
          </p:contentPart>
        </mc:Choice>
        <mc:Fallback xmlns="">
          <p:pic>
            <p:nvPicPr>
              <p:cNvPr id="192" name="Ink 191">
                <a:extLst>
                  <a:ext uri="{FF2B5EF4-FFF2-40B4-BE49-F238E27FC236}">
                    <a16:creationId xmlns:a16="http://schemas.microsoft.com/office/drawing/2014/main" id="{EEF0462F-D0B4-A543-8ABA-3490899C6F37}"/>
                  </a:ext>
                </a:extLst>
              </p:cNvPr>
              <p:cNvPicPr/>
              <p:nvPr/>
            </p:nvPicPr>
            <p:blipFill>
              <a:blip r:embed="rId92"/>
              <a:stretch>
                <a:fillRect/>
              </a:stretch>
            </p:blipFill>
            <p:spPr>
              <a:xfrm>
                <a:off x="751169" y="2314240"/>
                <a:ext cx="81234" cy="139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3">
            <p14:nvContentPartPr>
              <p14:cNvPr id="195" name="Ink 194">
                <a:extLst>
                  <a:ext uri="{FF2B5EF4-FFF2-40B4-BE49-F238E27FC236}">
                    <a16:creationId xmlns:a16="http://schemas.microsoft.com/office/drawing/2014/main" id="{DCFD3455-A745-A0AD-F97C-AE0A82474F91}"/>
                  </a:ext>
                </a:extLst>
              </p14:cNvPr>
              <p14:cNvContentPartPr/>
              <p14:nvPr/>
            </p14:nvContentPartPr>
            <p14:xfrm>
              <a:off x="864505" y="2382640"/>
              <a:ext cx="22320" cy="90720"/>
            </p14:xfrm>
          </p:contentPart>
        </mc:Choice>
        <mc:Fallback xmlns="">
          <p:pic>
            <p:nvPicPr>
              <p:cNvPr id="195" name="Ink 194">
                <a:extLst>
                  <a:ext uri="{FF2B5EF4-FFF2-40B4-BE49-F238E27FC236}">
                    <a16:creationId xmlns:a16="http://schemas.microsoft.com/office/drawing/2014/main" id="{DCFD3455-A745-A0AD-F97C-AE0A82474F91}"/>
                  </a:ext>
                </a:extLst>
              </p:cNvPr>
              <p:cNvPicPr/>
              <p:nvPr/>
            </p:nvPicPr>
            <p:blipFill>
              <a:blip r:embed="rId94"/>
              <a:stretch>
                <a:fillRect/>
              </a:stretch>
            </p:blipFill>
            <p:spPr>
              <a:xfrm>
                <a:off x="853876" y="2371797"/>
                <a:ext cx="43223" cy="11204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5">
            <p14:nvContentPartPr>
              <p14:cNvPr id="198" name="Ink 197">
                <a:extLst>
                  <a:ext uri="{FF2B5EF4-FFF2-40B4-BE49-F238E27FC236}">
                    <a16:creationId xmlns:a16="http://schemas.microsoft.com/office/drawing/2014/main" id="{B9C60836-5BA5-0B01-AFA4-0501032FE5D0}"/>
                  </a:ext>
                </a:extLst>
              </p14:cNvPr>
              <p14:cNvContentPartPr/>
              <p14:nvPr/>
            </p14:nvContentPartPr>
            <p14:xfrm>
              <a:off x="987985" y="2366800"/>
              <a:ext cx="46440" cy="30240"/>
            </p14:xfrm>
          </p:contentPart>
        </mc:Choice>
        <mc:Fallback xmlns="">
          <p:pic>
            <p:nvPicPr>
              <p:cNvPr id="198" name="Ink 197">
                <a:extLst>
                  <a:ext uri="{FF2B5EF4-FFF2-40B4-BE49-F238E27FC236}">
                    <a16:creationId xmlns:a16="http://schemas.microsoft.com/office/drawing/2014/main" id="{B9C60836-5BA5-0B01-AFA4-0501032FE5D0}"/>
                  </a:ext>
                </a:extLst>
              </p:cNvPr>
              <p:cNvPicPr/>
              <p:nvPr/>
            </p:nvPicPr>
            <p:blipFill>
              <a:blip r:embed="rId96"/>
              <a:stretch>
                <a:fillRect/>
              </a:stretch>
            </p:blipFill>
            <p:spPr>
              <a:xfrm>
                <a:off x="977185" y="2356000"/>
                <a:ext cx="67680" cy="514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7">
            <p14:nvContentPartPr>
              <p14:cNvPr id="199" name="Ink 198">
                <a:extLst>
                  <a:ext uri="{FF2B5EF4-FFF2-40B4-BE49-F238E27FC236}">
                    <a16:creationId xmlns:a16="http://schemas.microsoft.com/office/drawing/2014/main" id="{073E685C-419A-6199-4182-857B01106901}"/>
                  </a:ext>
                </a:extLst>
              </p14:cNvPr>
              <p14:cNvContentPartPr/>
              <p14:nvPr/>
            </p14:nvContentPartPr>
            <p14:xfrm>
              <a:off x="671905" y="2281120"/>
              <a:ext cx="44280" cy="185040"/>
            </p14:xfrm>
          </p:contentPart>
        </mc:Choice>
        <mc:Fallback xmlns="">
          <p:pic>
            <p:nvPicPr>
              <p:cNvPr id="199" name="Ink 198">
                <a:extLst>
                  <a:ext uri="{FF2B5EF4-FFF2-40B4-BE49-F238E27FC236}">
                    <a16:creationId xmlns:a16="http://schemas.microsoft.com/office/drawing/2014/main" id="{073E685C-419A-6199-4182-857B01106901}"/>
                  </a:ext>
                </a:extLst>
              </p:cNvPr>
              <p:cNvPicPr/>
              <p:nvPr/>
            </p:nvPicPr>
            <p:blipFill>
              <a:blip r:embed="rId98"/>
              <a:stretch>
                <a:fillRect/>
              </a:stretch>
            </p:blipFill>
            <p:spPr>
              <a:xfrm>
                <a:off x="661105" y="2270320"/>
                <a:ext cx="65520" cy="206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9">
            <p14:nvContentPartPr>
              <p14:cNvPr id="200" name="Ink 199">
                <a:extLst>
                  <a:ext uri="{FF2B5EF4-FFF2-40B4-BE49-F238E27FC236}">
                    <a16:creationId xmlns:a16="http://schemas.microsoft.com/office/drawing/2014/main" id="{3D7BF825-3115-8803-7FB4-03F6271AE23B}"/>
                  </a:ext>
                </a:extLst>
              </p14:cNvPr>
              <p14:cNvContentPartPr/>
              <p14:nvPr/>
            </p14:nvContentPartPr>
            <p14:xfrm>
              <a:off x="897985" y="2274280"/>
              <a:ext cx="44280" cy="199080"/>
            </p14:xfrm>
          </p:contentPart>
        </mc:Choice>
        <mc:Fallback xmlns="">
          <p:pic>
            <p:nvPicPr>
              <p:cNvPr id="200" name="Ink 199">
                <a:extLst>
                  <a:ext uri="{FF2B5EF4-FFF2-40B4-BE49-F238E27FC236}">
                    <a16:creationId xmlns:a16="http://schemas.microsoft.com/office/drawing/2014/main" id="{3D7BF825-3115-8803-7FB4-03F6271AE23B}"/>
                  </a:ext>
                </a:extLst>
              </p:cNvPr>
              <p:cNvPicPr/>
              <p:nvPr/>
            </p:nvPicPr>
            <p:blipFill>
              <a:blip r:embed="rId100"/>
              <a:stretch>
                <a:fillRect/>
              </a:stretch>
            </p:blipFill>
            <p:spPr>
              <a:xfrm>
                <a:off x="887185" y="2263480"/>
                <a:ext cx="65520" cy="220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1">
            <p14:nvContentPartPr>
              <p14:cNvPr id="206" name="Ink 205">
                <a:extLst>
                  <a:ext uri="{FF2B5EF4-FFF2-40B4-BE49-F238E27FC236}">
                    <a16:creationId xmlns:a16="http://schemas.microsoft.com/office/drawing/2014/main" id="{8B39B2F8-27CC-3364-550D-5FA8C64F8C59}"/>
                  </a:ext>
                </a:extLst>
              </p14:cNvPr>
              <p14:cNvContentPartPr/>
              <p14:nvPr/>
            </p14:nvContentPartPr>
            <p14:xfrm>
              <a:off x="1138105" y="2264920"/>
              <a:ext cx="399960" cy="155160"/>
            </p14:xfrm>
          </p:contentPart>
        </mc:Choice>
        <mc:Fallback xmlns="">
          <p:pic>
            <p:nvPicPr>
              <p:cNvPr id="206" name="Ink 205">
                <a:extLst>
                  <a:ext uri="{FF2B5EF4-FFF2-40B4-BE49-F238E27FC236}">
                    <a16:creationId xmlns:a16="http://schemas.microsoft.com/office/drawing/2014/main" id="{8B39B2F8-27CC-3364-550D-5FA8C64F8C59}"/>
                  </a:ext>
                </a:extLst>
              </p:cNvPr>
              <p:cNvPicPr/>
              <p:nvPr/>
            </p:nvPicPr>
            <p:blipFill>
              <a:blip r:embed="rId102"/>
              <a:stretch>
                <a:fillRect/>
              </a:stretch>
            </p:blipFill>
            <p:spPr>
              <a:xfrm>
                <a:off x="1127295" y="2254120"/>
                <a:ext cx="421219" cy="176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3">
            <p14:nvContentPartPr>
              <p14:cNvPr id="210" name="Ink 209">
                <a:extLst>
                  <a:ext uri="{FF2B5EF4-FFF2-40B4-BE49-F238E27FC236}">
                    <a16:creationId xmlns:a16="http://schemas.microsoft.com/office/drawing/2014/main" id="{3F44C09F-D905-E5D2-7CE2-AD4770290777}"/>
                  </a:ext>
                </a:extLst>
              </p14:cNvPr>
              <p14:cNvContentPartPr/>
              <p14:nvPr/>
            </p14:nvContentPartPr>
            <p14:xfrm>
              <a:off x="1606825" y="2255920"/>
              <a:ext cx="173880" cy="159840"/>
            </p14:xfrm>
          </p:contentPart>
        </mc:Choice>
        <mc:Fallback xmlns="">
          <p:pic>
            <p:nvPicPr>
              <p:cNvPr id="210" name="Ink 209">
                <a:extLst>
                  <a:ext uri="{FF2B5EF4-FFF2-40B4-BE49-F238E27FC236}">
                    <a16:creationId xmlns:a16="http://schemas.microsoft.com/office/drawing/2014/main" id="{3F44C09F-D905-E5D2-7CE2-AD4770290777}"/>
                  </a:ext>
                </a:extLst>
              </p:cNvPr>
              <p:cNvPicPr/>
              <p:nvPr/>
            </p:nvPicPr>
            <p:blipFill>
              <a:blip r:embed="rId104"/>
              <a:stretch>
                <a:fillRect/>
              </a:stretch>
            </p:blipFill>
            <p:spPr>
              <a:xfrm>
                <a:off x="1596003" y="2245096"/>
                <a:ext cx="195164" cy="18112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5">
            <p14:nvContentPartPr>
              <p14:cNvPr id="214" name="Ink 213">
                <a:extLst>
                  <a:ext uri="{FF2B5EF4-FFF2-40B4-BE49-F238E27FC236}">
                    <a16:creationId xmlns:a16="http://schemas.microsoft.com/office/drawing/2014/main" id="{DC5DD4AC-8738-B5D9-B102-137F73FCBD86}"/>
                  </a:ext>
                </a:extLst>
              </p14:cNvPr>
              <p14:cNvContentPartPr/>
              <p14:nvPr/>
            </p14:nvContentPartPr>
            <p14:xfrm>
              <a:off x="766585" y="2625280"/>
              <a:ext cx="182880" cy="122760"/>
            </p14:xfrm>
          </p:contentPart>
        </mc:Choice>
        <mc:Fallback xmlns="">
          <p:pic>
            <p:nvPicPr>
              <p:cNvPr id="214" name="Ink 213">
                <a:extLst>
                  <a:ext uri="{FF2B5EF4-FFF2-40B4-BE49-F238E27FC236}">
                    <a16:creationId xmlns:a16="http://schemas.microsoft.com/office/drawing/2014/main" id="{DC5DD4AC-8738-B5D9-B102-137F73FCBD86}"/>
                  </a:ext>
                </a:extLst>
              </p:cNvPr>
              <p:cNvPicPr/>
              <p:nvPr/>
            </p:nvPicPr>
            <p:blipFill>
              <a:blip r:embed="rId106"/>
              <a:stretch>
                <a:fillRect/>
              </a:stretch>
            </p:blipFill>
            <p:spPr>
              <a:xfrm>
                <a:off x="755785" y="2614480"/>
                <a:ext cx="204120" cy="144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7">
            <p14:nvContentPartPr>
              <p14:cNvPr id="217" name="Ink 216">
                <a:extLst>
                  <a:ext uri="{FF2B5EF4-FFF2-40B4-BE49-F238E27FC236}">
                    <a16:creationId xmlns:a16="http://schemas.microsoft.com/office/drawing/2014/main" id="{08DAF515-1F76-06EF-9A61-DE7E2FEAFFF9}"/>
                  </a:ext>
                </a:extLst>
              </p14:cNvPr>
              <p14:cNvContentPartPr/>
              <p14:nvPr/>
            </p14:nvContentPartPr>
            <p14:xfrm>
              <a:off x="995185" y="2618440"/>
              <a:ext cx="55440" cy="34920"/>
            </p14:xfrm>
          </p:contentPart>
        </mc:Choice>
        <mc:Fallback xmlns="">
          <p:pic>
            <p:nvPicPr>
              <p:cNvPr id="217" name="Ink 216">
                <a:extLst>
                  <a:ext uri="{FF2B5EF4-FFF2-40B4-BE49-F238E27FC236}">
                    <a16:creationId xmlns:a16="http://schemas.microsoft.com/office/drawing/2014/main" id="{08DAF515-1F76-06EF-9A61-DE7E2FEAFFF9}"/>
                  </a:ext>
                </a:extLst>
              </p:cNvPr>
              <p:cNvPicPr/>
              <p:nvPr/>
            </p:nvPicPr>
            <p:blipFill>
              <a:blip r:embed="rId108"/>
              <a:stretch>
                <a:fillRect/>
              </a:stretch>
            </p:blipFill>
            <p:spPr>
              <a:xfrm>
                <a:off x="984385" y="2607640"/>
                <a:ext cx="76680" cy="561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9">
            <p14:nvContentPartPr>
              <p14:cNvPr id="221" name="Ink 220">
                <a:extLst>
                  <a:ext uri="{FF2B5EF4-FFF2-40B4-BE49-F238E27FC236}">
                    <a16:creationId xmlns:a16="http://schemas.microsoft.com/office/drawing/2014/main" id="{2A42631F-8FA0-8258-B798-5FD85C0874B5}"/>
                  </a:ext>
                </a:extLst>
              </p14:cNvPr>
              <p14:cNvContentPartPr/>
              <p14:nvPr/>
            </p14:nvContentPartPr>
            <p14:xfrm>
              <a:off x="1112905" y="2535280"/>
              <a:ext cx="113400" cy="173520"/>
            </p14:xfrm>
          </p:contentPart>
        </mc:Choice>
        <mc:Fallback xmlns="">
          <p:pic>
            <p:nvPicPr>
              <p:cNvPr id="221" name="Ink 220">
                <a:extLst>
                  <a:ext uri="{FF2B5EF4-FFF2-40B4-BE49-F238E27FC236}">
                    <a16:creationId xmlns:a16="http://schemas.microsoft.com/office/drawing/2014/main" id="{2A42631F-8FA0-8258-B798-5FD85C0874B5}"/>
                  </a:ext>
                </a:extLst>
              </p:cNvPr>
              <p:cNvPicPr/>
              <p:nvPr/>
            </p:nvPicPr>
            <p:blipFill>
              <a:blip r:embed="rId110"/>
              <a:stretch>
                <a:fillRect/>
              </a:stretch>
            </p:blipFill>
            <p:spPr>
              <a:xfrm>
                <a:off x="1102139" y="2524480"/>
                <a:ext cx="134573" cy="194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1">
            <p14:nvContentPartPr>
              <p14:cNvPr id="222" name="Ink 221">
                <a:extLst>
                  <a:ext uri="{FF2B5EF4-FFF2-40B4-BE49-F238E27FC236}">
                    <a16:creationId xmlns:a16="http://schemas.microsoft.com/office/drawing/2014/main" id="{A94B1FA3-0364-DF0D-AAC8-D31615F89EDF}"/>
                  </a:ext>
                </a:extLst>
              </p14:cNvPr>
              <p14:cNvContentPartPr/>
              <p14:nvPr/>
            </p14:nvContentPartPr>
            <p14:xfrm>
              <a:off x="1286065" y="2528440"/>
              <a:ext cx="41760" cy="185040"/>
            </p14:xfrm>
          </p:contentPart>
        </mc:Choice>
        <mc:Fallback xmlns="">
          <p:pic>
            <p:nvPicPr>
              <p:cNvPr id="222" name="Ink 221">
                <a:extLst>
                  <a:ext uri="{FF2B5EF4-FFF2-40B4-BE49-F238E27FC236}">
                    <a16:creationId xmlns:a16="http://schemas.microsoft.com/office/drawing/2014/main" id="{A94B1FA3-0364-DF0D-AAC8-D31615F89EDF}"/>
                  </a:ext>
                </a:extLst>
              </p:cNvPr>
              <p:cNvPicPr/>
              <p:nvPr/>
            </p:nvPicPr>
            <p:blipFill>
              <a:blip r:embed="rId112"/>
              <a:stretch>
                <a:fillRect/>
              </a:stretch>
            </p:blipFill>
            <p:spPr>
              <a:xfrm>
                <a:off x="1275357" y="2517640"/>
                <a:ext cx="62818" cy="206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3">
            <p14:nvContentPartPr>
              <p14:cNvPr id="223" name="Ink 222">
                <a:extLst>
                  <a:ext uri="{FF2B5EF4-FFF2-40B4-BE49-F238E27FC236}">
                    <a16:creationId xmlns:a16="http://schemas.microsoft.com/office/drawing/2014/main" id="{2A04B397-1B9F-83AF-1D05-7707DD9B51C0}"/>
                  </a:ext>
                </a:extLst>
              </p14:cNvPr>
              <p14:cNvContentPartPr/>
              <p14:nvPr/>
            </p14:nvContentPartPr>
            <p14:xfrm>
              <a:off x="833545" y="2440600"/>
              <a:ext cx="41760" cy="65160"/>
            </p14:xfrm>
          </p:contentPart>
        </mc:Choice>
        <mc:Fallback xmlns="">
          <p:pic>
            <p:nvPicPr>
              <p:cNvPr id="223" name="Ink 222">
                <a:extLst>
                  <a:ext uri="{FF2B5EF4-FFF2-40B4-BE49-F238E27FC236}">
                    <a16:creationId xmlns:a16="http://schemas.microsoft.com/office/drawing/2014/main" id="{2A04B397-1B9F-83AF-1D05-7707DD9B51C0}"/>
                  </a:ext>
                </a:extLst>
              </p:cNvPr>
              <p:cNvPicPr/>
              <p:nvPr/>
            </p:nvPicPr>
            <p:blipFill>
              <a:blip r:embed="rId114"/>
              <a:stretch>
                <a:fillRect/>
              </a:stretch>
            </p:blipFill>
            <p:spPr>
              <a:xfrm>
                <a:off x="822837" y="2429800"/>
                <a:ext cx="62818" cy="86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5">
            <p14:nvContentPartPr>
              <p14:cNvPr id="232" name="Ink 231">
                <a:extLst>
                  <a:ext uri="{FF2B5EF4-FFF2-40B4-BE49-F238E27FC236}">
                    <a16:creationId xmlns:a16="http://schemas.microsoft.com/office/drawing/2014/main" id="{B9B54083-E080-0103-9926-E63C698F3FE6}"/>
                  </a:ext>
                </a:extLst>
              </p14:cNvPr>
              <p14:cNvContentPartPr/>
              <p14:nvPr/>
            </p14:nvContentPartPr>
            <p14:xfrm>
              <a:off x="1372465" y="2553640"/>
              <a:ext cx="271800" cy="164160"/>
            </p14:xfrm>
          </p:contentPart>
        </mc:Choice>
        <mc:Fallback xmlns="">
          <p:pic>
            <p:nvPicPr>
              <p:cNvPr id="232" name="Ink 231">
                <a:extLst>
                  <a:ext uri="{FF2B5EF4-FFF2-40B4-BE49-F238E27FC236}">
                    <a16:creationId xmlns:a16="http://schemas.microsoft.com/office/drawing/2014/main" id="{B9B54083-E080-0103-9926-E63C698F3FE6}"/>
                  </a:ext>
                </a:extLst>
              </p:cNvPr>
              <p:cNvPicPr/>
              <p:nvPr/>
            </p:nvPicPr>
            <p:blipFill>
              <a:blip r:embed="rId116"/>
              <a:stretch>
                <a:fillRect/>
              </a:stretch>
            </p:blipFill>
            <p:spPr>
              <a:xfrm>
                <a:off x="1361665" y="2542840"/>
                <a:ext cx="293040" cy="185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7">
            <p14:nvContentPartPr>
              <p14:cNvPr id="242" name="Ink 241">
                <a:extLst>
                  <a:ext uri="{FF2B5EF4-FFF2-40B4-BE49-F238E27FC236}">
                    <a16:creationId xmlns:a16="http://schemas.microsoft.com/office/drawing/2014/main" id="{685755C0-E4E2-B5B0-0B7D-79976656CF76}"/>
                  </a:ext>
                </a:extLst>
              </p14:cNvPr>
              <p14:cNvContentPartPr/>
              <p14:nvPr/>
            </p14:nvContentPartPr>
            <p14:xfrm>
              <a:off x="1692505" y="2546800"/>
              <a:ext cx="325800" cy="178200"/>
            </p14:xfrm>
          </p:contentPart>
        </mc:Choice>
        <mc:Fallback xmlns="">
          <p:pic>
            <p:nvPicPr>
              <p:cNvPr id="242" name="Ink 241">
                <a:extLst>
                  <a:ext uri="{FF2B5EF4-FFF2-40B4-BE49-F238E27FC236}">
                    <a16:creationId xmlns:a16="http://schemas.microsoft.com/office/drawing/2014/main" id="{685755C0-E4E2-B5B0-0B7D-79976656CF76}"/>
                  </a:ext>
                </a:extLst>
              </p:cNvPr>
              <p:cNvPicPr/>
              <p:nvPr/>
            </p:nvPicPr>
            <p:blipFill>
              <a:blip r:embed="rId118"/>
              <a:stretch>
                <a:fillRect/>
              </a:stretch>
            </p:blipFill>
            <p:spPr>
              <a:xfrm>
                <a:off x="1681717" y="2536000"/>
                <a:ext cx="347017" cy="199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9">
            <p14:nvContentPartPr>
              <p14:cNvPr id="250" name="Ink 249">
                <a:extLst>
                  <a:ext uri="{FF2B5EF4-FFF2-40B4-BE49-F238E27FC236}">
                    <a16:creationId xmlns:a16="http://schemas.microsoft.com/office/drawing/2014/main" id="{0117B957-655E-6980-82BA-10FD90F82722}"/>
                  </a:ext>
                </a:extLst>
              </p14:cNvPr>
              <p14:cNvContentPartPr/>
              <p14:nvPr/>
            </p14:nvContentPartPr>
            <p14:xfrm>
              <a:off x="2066545" y="2496040"/>
              <a:ext cx="272880" cy="252000"/>
            </p14:xfrm>
          </p:contentPart>
        </mc:Choice>
        <mc:Fallback xmlns="">
          <p:pic>
            <p:nvPicPr>
              <p:cNvPr id="250" name="Ink 249">
                <a:extLst>
                  <a:ext uri="{FF2B5EF4-FFF2-40B4-BE49-F238E27FC236}">
                    <a16:creationId xmlns:a16="http://schemas.microsoft.com/office/drawing/2014/main" id="{0117B957-655E-6980-82BA-10FD90F82722}"/>
                  </a:ext>
                </a:extLst>
              </p:cNvPr>
              <p:cNvPicPr/>
              <p:nvPr/>
            </p:nvPicPr>
            <p:blipFill>
              <a:blip r:embed="rId120"/>
              <a:stretch>
                <a:fillRect/>
              </a:stretch>
            </p:blipFill>
            <p:spPr>
              <a:xfrm>
                <a:off x="2055745" y="2485240"/>
                <a:ext cx="294120" cy="273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1">
            <p14:nvContentPartPr>
              <p14:cNvPr id="253" name="Ink 252">
                <a:extLst>
                  <a:ext uri="{FF2B5EF4-FFF2-40B4-BE49-F238E27FC236}">
                    <a16:creationId xmlns:a16="http://schemas.microsoft.com/office/drawing/2014/main" id="{71AB0669-6F02-9ED2-F9FE-4A9093CB0633}"/>
                  </a:ext>
                </a:extLst>
              </p14:cNvPr>
              <p14:cNvContentPartPr/>
              <p14:nvPr/>
            </p14:nvContentPartPr>
            <p14:xfrm>
              <a:off x="789625" y="2847040"/>
              <a:ext cx="67320" cy="81000"/>
            </p14:xfrm>
          </p:contentPart>
        </mc:Choice>
        <mc:Fallback xmlns="">
          <p:pic>
            <p:nvPicPr>
              <p:cNvPr id="253" name="Ink 252">
                <a:extLst>
                  <a:ext uri="{FF2B5EF4-FFF2-40B4-BE49-F238E27FC236}">
                    <a16:creationId xmlns:a16="http://schemas.microsoft.com/office/drawing/2014/main" id="{71AB0669-6F02-9ED2-F9FE-4A9093CB0633}"/>
                  </a:ext>
                </a:extLst>
              </p:cNvPr>
              <p:cNvPicPr/>
              <p:nvPr/>
            </p:nvPicPr>
            <p:blipFill>
              <a:blip r:embed="rId122"/>
              <a:stretch>
                <a:fillRect/>
              </a:stretch>
            </p:blipFill>
            <p:spPr>
              <a:xfrm>
                <a:off x="778825" y="2836288"/>
                <a:ext cx="88560" cy="102146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3">
            <p14:nvContentPartPr>
              <p14:cNvPr id="262" name="Ink 261">
                <a:extLst>
                  <a:ext uri="{FF2B5EF4-FFF2-40B4-BE49-F238E27FC236}">
                    <a16:creationId xmlns:a16="http://schemas.microsoft.com/office/drawing/2014/main" id="{5710A3FA-6134-B955-0B51-E3E097A94E49}"/>
                  </a:ext>
                </a:extLst>
              </p14:cNvPr>
              <p14:cNvContentPartPr/>
              <p14:nvPr/>
            </p14:nvContentPartPr>
            <p14:xfrm>
              <a:off x="877105" y="2780080"/>
              <a:ext cx="563760" cy="187200"/>
            </p14:xfrm>
          </p:contentPart>
        </mc:Choice>
        <mc:Fallback xmlns="">
          <p:pic>
            <p:nvPicPr>
              <p:cNvPr id="262" name="Ink 261">
                <a:extLst>
                  <a:ext uri="{FF2B5EF4-FFF2-40B4-BE49-F238E27FC236}">
                    <a16:creationId xmlns:a16="http://schemas.microsoft.com/office/drawing/2014/main" id="{5710A3FA-6134-B955-0B51-E3E097A94E49}"/>
                  </a:ext>
                </a:extLst>
              </p:cNvPr>
              <p:cNvPicPr/>
              <p:nvPr/>
            </p:nvPicPr>
            <p:blipFill>
              <a:blip r:embed="rId124"/>
              <a:stretch>
                <a:fillRect/>
              </a:stretch>
            </p:blipFill>
            <p:spPr>
              <a:xfrm>
                <a:off x="866305" y="2769301"/>
                <a:ext cx="585000" cy="20839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5">
            <p14:nvContentPartPr>
              <p14:cNvPr id="266" name="Ink 265">
                <a:extLst>
                  <a:ext uri="{FF2B5EF4-FFF2-40B4-BE49-F238E27FC236}">
                    <a16:creationId xmlns:a16="http://schemas.microsoft.com/office/drawing/2014/main" id="{D1EB89C2-2AE2-C6AB-F36F-C1EE31BBD5FF}"/>
                  </a:ext>
                </a:extLst>
              </p14:cNvPr>
              <p14:cNvContentPartPr/>
              <p14:nvPr/>
            </p14:nvContentPartPr>
            <p14:xfrm>
              <a:off x="768829" y="3583473"/>
              <a:ext cx="127080" cy="138960"/>
            </p14:xfrm>
          </p:contentPart>
        </mc:Choice>
        <mc:Fallback xmlns="">
          <p:pic>
            <p:nvPicPr>
              <p:cNvPr id="266" name="Ink 265">
                <a:extLst>
                  <a:ext uri="{FF2B5EF4-FFF2-40B4-BE49-F238E27FC236}">
                    <a16:creationId xmlns:a16="http://schemas.microsoft.com/office/drawing/2014/main" id="{D1EB89C2-2AE2-C6AB-F36F-C1EE31BBD5FF}"/>
                  </a:ext>
                </a:extLst>
              </p:cNvPr>
              <p:cNvPicPr/>
              <p:nvPr/>
            </p:nvPicPr>
            <p:blipFill>
              <a:blip r:embed="rId126"/>
              <a:stretch>
                <a:fillRect/>
              </a:stretch>
            </p:blipFill>
            <p:spPr>
              <a:xfrm>
                <a:off x="758060" y="3572673"/>
                <a:ext cx="148260" cy="160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7">
            <p14:nvContentPartPr>
              <p14:cNvPr id="269" name="Ink 268">
                <a:extLst>
                  <a:ext uri="{FF2B5EF4-FFF2-40B4-BE49-F238E27FC236}">
                    <a16:creationId xmlns:a16="http://schemas.microsoft.com/office/drawing/2014/main" id="{18C34C16-08A3-8023-675B-623CD1735E27}"/>
                  </a:ext>
                </a:extLst>
              </p14:cNvPr>
              <p14:cNvContentPartPr/>
              <p14:nvPr/>
            </p14:nvContentPartPr>
            <p14:xfrm>
              <a:off x="950989" y="3597513"/>
              <a:ext cx="34920" cy="30240"/>
            </p14:xfrm>
          </p:contentPart>
        </mc:Choice>
        <mc:Fallback xmlns="">
          <p:pic>
            <p:nvPicPr>
              <p:cNvPr id="269" name="Ink 268">
                <a:extLst>
                  <a:ext uri="{FF2B5EF4-FFF2-40B4-BE49-F238E27FC236}">
                    <a16:creationId xmlns:a16="http://schemas.microsoft.com/office/drawing/2014/main" id="{18C34C16-08A3-8023-675B-623CD1735E27}"/>
                  </a:ext>
                </a:extLst>
              </p:cNvPr>
              <p:cNvPicPr/>
              <p:nvPr/>
            </p:nvPicPr>
            <p:blipFill>
              <a:blip r:embed="rId128"/>
              <a:stretch>
                <a:fillRect/>
              </a:stretch>
            </p:blipFill>
            <p:spPr>
              <a:xfrm>
                <a:off x="940189" y="3586840"/>
                <a:ext cx="56160" cy="5123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9">
            <p14:nvContentPartPr>
              <p14:cNvPr id="270" name="Ink 269">
                <a:extLst>
                  <a:ext uri="{FF2B5EF4-FFF2-40B4-BE49-F238E27FC236}">
                    <a16:creationId xmlns:a16="http://schemas.microsoft.com/office/drawing/2014/main" id="{5C1E0B97-86D4-76F2-414E-1EFF90F3E947}"/>
                  </a:ext>
                </a:extLst>
              </p14:cNvPr>
              <p14:cNvContentPartPr/>
              <p14:nvPr/>
            </p14:nvContentPartPr>
            <p14:xfrm>
              <a:off x="1087429" y="3447393"/>
              <a:ext cx="67320" cy="298080"/>
            </p14:xfrm>
          </p:contentPart>
        </mc:Choice>
        <mc:Fallback xmlns="">
          <p:pic>
            <p:nvPicPr>
              <p:cNvPr id="270" name="Ink 269">
                <a:extLst>
                  <a:ext uri="{FF2B5EF4-FFF2-40B4-BE49-F238E27FC236}">
                    <a16:creationId xmlns:a16="http://schemas.microsoft.com/office/drawing/2014/main" id="{5C1E0B97-86D4-76F2-414E-1EFF90F3E947}"/>
                  </a:ext>
                </a:extLst>
              </p:cNvPr>
              <p:cNvPicPr/>
              <p:nvPr/>
            </p:nvPicPr>
            <p:blipFill>
              <a:blip r:embed="rId130"/>
              <a:stretch>
                <a:fillRect/>
              </a:stretch>
            </p:blipFill>
            <p:spPr>
              <a:xfrm>
                <a:off x="1076629" y="3436606"/>
                <a:ext cx="88560" cy="319294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1">
            <p14:nvContentPartPr>
              <p14:cNvPr id="271" name="Ink 270">
                <a:extLst>
                  <a:ext uri="{FF2B5EF4-FFF2-40B4-BE49-F238E27FC236}">
                    <a16:creationId xmlns:a16="http://schemas.microsoft.com/office/drawing/2014/main" id="{7EE8942F-D409-98E5-657C-1DCE497CF756}"/>
                  </a:ext>
                </a:extLst>
              </p14:cNvPr>
              <p14:cNvContentPartPr/>
              <p14:nvPr/>
            </p14:nvContentPartPr>
            <p14:xfrm>
              <a:off x="1173469" y="3530553"/>
              <a:ext cx="84960" cy="138960"/>
            </p14:xfrm>
          </p:contentPart>
        </mc:Choice>
        <mc:Fallback xmlns="">
          <p:pic>
            <p:nvPicPr>
              <p:cNvPr id="271" name="Ink 270">
                <a:extLst>
                  <a:ext uri="{FF2B5EF4-FFF2-40B4-BE49-F238E27FC236}">
                    <a16:creationId xmlns:a16="http://schemas.microsoft.com/office/drawing/2014/main" id="{7EE8942F-D409-98E5-657C-1DCE497CF756}"/>
                  </a:ext>
                </a:extLst>
              </p:cNvPr>
              <p:cNvPicPr/>
              <p:nvPr/>
            </p:nvPicPr>
            <p:blipFill>
              <a:blip r:embed="rId132"/>
              <a:stretch>
                <a:fillRect/>
              </a:stretch>
            </p:blipFill>
            <p:spPr>
              <a:xfrm>
                <a:off x="1162669" y="3519753"/>
                <a:ext cx="106200" cy="160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3">
            <p14:nvContentPartPr>
              <p14:cNvPr id="272" name="Ink 271">
                <a:extLst>
                  <a:ext uri="{FF2B5EF4-FFF2-40B4-BE49-F238E27FC236}">
                    <a16:creationId xmlns:a16="http://schemas.microsoft.com/office/drawing/2014/main" id="{29CCBCB9-AD54-1F02-872A-69A7E0DE178B}"/>
                  </a:ext>
                </a:extLst>
              </p14:cNvPr>
              <p14:cNvContentPartPr/>
              <p14:nvPr/>
            </p14:nvContentPartPr>
            <p14:xfrm>
              <a:off x="1258429" y="3661953"/>
              <a:ext cx="18720" cy="37080"/>
            </p14:xfrm>
          </p:contentPart>
        </mc:Choice>
        <mc:Fallback xmlns="">
          <p:pic>
            <p:nvPicPr>
              <p:cNvPr id="272" name="Ink 271">
                <a:extLst>
                  <a:ext uri="{FF2B5EF4-FFF2-40B4-BE49-F238E27FC236}">
                    <a16:creationId xmlns:a16="http://schemas.microsoft.com/office/drawing/2014/main" id="{29CCBCB9-AD54-1F02-872A-69A7E0DE178B}"/>
                  </a:ext>
                </a:extLst>
              </p:cNvPr>
              <p:cNvPicPr/>
              <p:nvPr/>
            </p:nvPicPr>
            <p:blipFill>
              <a:blip r:embed="rId134"/>
              <a:stretch>
                <a:fillRect/>
              </a:stretch>
            </p:blipFill>
            <p:spPr>
              <a:xfrm>
                <a:off x="1247629" y="3651153"/>
                <a:ext cx="39960" cy="58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5">
            <p14:nvContentPartPr>
              <p14:cNvPr id="273" name="Ink 272">
                <a:extLst>
                  <a:ext uri="{FF2B5EF4-FFF2-40B4-BE49-F238E27FC236}">
                    <a16:creationId xmlns:a16="http://schemas.microsoft.com/office/drawing/2014/main" id="{A6F3D0E6-B3F4-59B7-6866-E23E9F2FEC76}"/>
                  </a:ext>
                </a:extLst>
              </p14:cNvPr>
              <p14:cNvContentPartPr/>
              <p14:nvPr/>
            </p14:nvContentPartPr>
            <p14:xfrm>
              <a:off x="1272109" y="3599673"/>
              <a:ext cx="2520" cy="7200"/>
            </p14:xfrm>
          </p:contentPart>
        </mc:Choice>
        <mc:Fallback xmlns="">
          <p:pic>
            <p:nvPicPr>
              <p:cNvPr id="273" name="Ink 272">
                <a:extLst>
                  <a:ext uri="{FF2B5EF4-FFF2-40B4-BE49-F238E27FC236}">
                    <a16:creationId xmlns:a16="http://schemas.microsoft.com/office/drawing/2014/main" id="{A6F3D0E6-B3F4-59B7-6866-E23E9F2FEC76}"/>
                  </a:ext>
                </a:extLst>
              </p:cNvPr>
              <p:cNvPicPr/>
              <p:nvPr/>
            </p:nvPicPr>
            <p:blipFill>
              <a:blip r:embed="rId136"/>
              <a:stretch>
                <a:fillRect/>
              </a:stretch>
            </p:blipFill>
            <p:spPr>
              <a:xfrm>
                <a:off x="1261309" y="3588873"/>
                <a:ext cx="23760" cy="28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7">
            <p14:nvContentPartPr>
              <p14:cNvPr id="274" name="Ink 273">
                <a:extLst>
                  <a:ext uri="{FF2B5EF4-FFF2-40B4-BE49-F238E27FC236}">
                    <a16:creationId xmlns:a16="http://schemas.microsoft.com/office/drawing/2014/main" id="{7BB58823-8BBD-5255-EFB3-6DE99228971C}"/>
                  </a:ext>
                </a:extLst>
              </p14:cNvPr>
              <p14:cNvContentPartPr/>
              <p14:nvPr/>
            </p14:nvContentPartPr>
            <p14:xfrm>
              <a:off x="1325389" y="3678513"/>
              <a:ext cx="2520" cy="37080"/>
            </p14:xfrm>
          </p:contentPart>
        </mc:Choice>
        <mc:Fallback xmlns="">
          <p:pic>
            <p:nvPicPr>
              <p:cNvPr id="274" name="Ink 273">
                <a:extLst>
                  <a:ext uri="{FF2B5EF4-FFF2-40B4-BE49-F238E27FC236}">
                    <a16:creationId xmlns:a16="http://schemas.microsoft.com/office/drawing/2014/main" id="{7BB58823-8BBD-5255-EFB3-6DE99228971C}"/>
                  </a:ext>
                </a:extLst>
              </p:cNvPr>
              <p:cNvPicPr/>
              <p:nvPr/>
            </p:nvPicPr>
            <p:blipFill>
              <a:blip r:embed="rId138"/>
              <a:stretch>
                <a:fillRect/>
              </a:stretch>
            </p:blipFill>
            <p:spPr>
              <a:xfrm>
                <a:off x="1314589" y="3667713"/>
                <a:ext cx="23760" cy="583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9">
            <p14:nvContentPartPr>
              <p14:cNvPr id="288" name="Ink 287">
                <a:extLst>
                  <a:ext uri="{FF2B5EF4-FFF2-40B4-BE49-F238E27FC236}">
                    <a16:creationId xmlns:a16="http://schemas.microsoft.com/office/drawing/2014/main" id="{698F4426-CDE6-A256-D040-DF54D330C469}"/>
                  </a:ext>
                </a:extLst>
              </p14:cNvPr>
              <p14:cNvContentPartPr/>
              <p14:nvPr/>
            </p14:nvContentPartPr>
            <p14:xfrm>
              <a:off x="1410709" y="3526233"/>
              <a:ext cx="277200" cy="200880"/>
            </p14:xfrm>
          </p:contentPart>
        </mc:Choice>
        <mc:Fallback xmlns="">
          <p:pic>
            <p:nvPicPr>
              <p:cNvPr id="288" name="Ink 287">
                <a:extLst>
                  <a:ext uri="{FF2B5EF4-FFF2-40B4-BE49-F238E27FC236}">
                    <a16:creationId xmlns:a16="http://schemas.microsoft.com/office/drawing/2014/main" id="{698F4426-CDE6-A256-D040-DF54D330C469}"/>
                  </a:ext>
                </a:extLst>
              </p:cNvPr>
              <p:cNvPicPr/>
              <p:nvPr/>
            </p:nvPicPr>
            <p:blipFill>
              <a:blip r:embed="rId140"/>
              <a:stretch>
                <a:fillRect/>
              </a:stretch>
            </p:blipFill>
            <p:spPr>
              <a:xfrm>
                <a:off x="1399923" y="3515433"/>
                <a:ext cx="298412" cy="2221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1">
            <p14:nvContentPartPr>
              <p14:cNvPr id="293" name="Ink 292">
                <a:extLst>
                  <a:ext uri="{FF2B5EF4-FFF2-40B4-BE49-F238E27FC236}">
                    <a16:creationId xmlns:a16="http://schemas.microsoft.com/office/drawing/2014/main" id="{FB798F4E-5874-1144-9C84-9A5AE40670E8}"/>
                  </a:ext>
                </a:extLst>
              </p14:cNvPr>
              <p14:cNvContentPartPr/>
              <p14:nvPr/>
            </p14:nvContentPartPr>
            <p14:xfrm>
              <a:off x="1745509" y="3611193"/>
              <a:ext cx="141120" cy="106560"/>
            </p14:xfrm>
          </p:contentPart>
        </mc:Choice>
        <mc:Fallback xmlns="">
          <p:pic>
            <p:nvPicPr>
              <p:cNvPr id="293" name="Ink 292">
                <a:extLst>
                  <a:ext uri="{FF2B5EF4-FFF2-40B4-BE49-F238E27FC236}">
                    <a16:creationId xmlns:a16="http://schemas.microsoft.com/office/drawing/2014/main" id="{FB798F4E-5874-1144-9C84-9A5AE40670E8}"/>
                  </a:ext>
                </a:extLst>
              </p:cNvPr>
              <p:cNvPicPr/>
              <p:nvPr/>
            </p:nvPicPr>
            <p:blipFill>
              <a:blip r:embed="rId142"/>
              <a:stretch>
                <a:fillRect/>
              </a:stretch>
            </p:blipFill>
            <p:spPr>
              <a:xfrm>
                <a:off x="1734736" y="3600393"/>
                <a:ext cx="162306" cy="127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3">
            <p14:nvContentPartPr>
              <p14:cNvPr id="294" name="Ink 293">
                <a:extLst>
                  <a:ext uri="{FF2B5EF4-FFF2-40B4-BE49-F238E27FC236}">
                    <a16:creationId xmlns:a16="http://schemas.microsoft.com/office/drawing/2014/main" id="{D3810E3F-F0C9-E64F-68FB-5E38D5ADFAA1}"/>
                  </a:ext>
                </a:extLst>
              </p14:cNvPr>
              <p14:cNvContentPartPr/>
              <p14:nvPr/>
            </p14:nvContentPartPr>
            <p14:xfrm>
              <a:off x="1138189" y="3486633"/>
              <a:ext cx="41760" cy="215280"/>
            </p14:xfrm>
          </p:contentPart>
        </mc:Choice>
        <mc:Fallback xmlns="">
          <p:pic>
            <p:nvPicPr>
              <p:cNvPr id="294" name="Ink 293">
                <a:extLst>
                  <a:ext uri="{FF2B5EF4-FFF2-40B4-BE49-F238E27FC236}">
                    <a16:creationId xmlns:a16="http://schemas.microsoft.com/office/drawing/2014/main" id="{D3810E3F-F0C9-E64F-68FB-5E38D5ADFAA1}"/>
                  </a:ext>
                </a:extLst>
              </p:cNvPr>
              <p:cNvPicPr/>
              <p:nvPr/>
            </p:nvPicPr>
            <p:blipFill>
              <a:blip r:embed="rId144"/>
              <a:stretch>
                <a:fillRect/>
              </a:stretch>
            </p:blipFill>
            <p:spPr>
              <a:xfrm>
                <a:off x="1127389" y="3475833"/>
                <a:ext cx="63000" cy="236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5">
            <p14:nvContentPartPr>
              <p14:cNvPr id="297" name="Ink 296">
                <a:extLst>
                  <a:ext uri="{FF2B5EF4-FFF2-40B4-BE49-F238E27FC236}">
                    <a16:creationId xmlns:a16="http://schemas.microsoft.com/office/drawing/2014/main" id="{BB9FB91F-597A-08D9-42DA-E140C8FF0BAC}"/>
                  </a:ext>
                </a:extLst>
              </p14:cNvPr>
              <p14:cNvContentPartPr/>
              <p14:nvPr/>
            </p14:nvContentPartPr>
            <p14:xfrm>
              <a:off x="1920829" y="3456393"/>
              <a:ext cx="92880" cy="325800"/>
            </p14:xfrm>
          </p:contentPart>
        </mc:Choice>
        <mc:Fallback xmlns="">
          <p:pic>
            <p:nvPicPr>
              <p:cNvPr id="297" name="Ink 296">
                <a:extLst>
                  <a:ext uri="{FF2B5EF4-FFF2-40B4-BE49-F238E27FC236}">
                    <a16:creationId xmlns:a16="http://schemas.microsoft.com/office/drawing/2014/main" id="{BB9FB91F-597A-08D9-42DA-E140C8FF0BAC}"/>
                  </a:ext>
                </a:extLst>
              </p:cNvPr>
              <p:cNvPicPr/>
              <p:nvPr/>
            </p:nvPicPr>
            <p:blipFill>
              <a:blip r:embed="rId146"/>
              <a:stretch>
                <a:fillRect/>
              </a:stretch>
            </p:blipFill>
            <p:spPr>
              <a:xfrm>
                <a:off x="1909987" y="3445593"/>
                <a:ext cx="114203" cy="347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7">
            <p14:nvContentPartPr>
              <p14:cNvPr id="304" name="Ink 303">
                <a:extLst>
                  <a:ext uri="{FF2B5EF4-FFF2-40B4-BE49-F238E27FC236}">
                    <a16:creationId xmlns:a16="http://schemas.microsoft.com/office/drawing/2014/main" id="{B223D704-D6B8-2FD6-765B-946B7D18D792}"/>
                  </a:ext>
                </a:extLst>
              </p14:cNvPr>
              <p14:cNvContentPartPr/>
              <p14:nvPr/>
            </p14:nvContentPartPr>
            <p14:xfrm>
              <a:off x="2061949" y="3694353"/>
              <a:ext cx="217440" cy="134280"/>
            </p14:xfrm>
          </p:contentPart>
        </mc:Choice>
        <mc:Fallback xmlns="">
          <p:pic>
            <p:nvPicPr>
              <p:cNvPr id="304" name="Ink 303">
                <a:extLst>
                  <a:ext uri="{FF2B5EF4-FFF2-40B4-BE49-F238E27FC236}">
                    <a16:creationId xmlns:a16="http://schemas.microsoft.com/office/drawing/2014/main" id="{B223D704-D6B8-2FD6-765B-946B7D18D792}"/>
                  </a:ext>
                </a:extLst>
              </p:cNvPr>
              <p:cNvPicPr/>
              <p:nvPr/>
            </p:nvPicPr>
            <p:blipFill>
              <a:blip r:embed="rId148"/>
              <a:stretch>
                <a:fillRect/>
              </a:stretch>
            </p:blipFill>
            <p:spPr>
              <a:xfrm>
                <a:off x="2051149" y="3683553"/>
                <a:ext cx="238680" cy="15552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5660350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47B1DC-0969-8670-AF58-14448CE8792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Tweak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4194035-682D-0E8E-8AE1-4C89ABB7FB15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>
                <a:cs typeface="Calibri"/>
              </a:rPr>
              <a:t>Use </a:t>
            </a:r>
            <a:r>
              <a:rPr lang="en-US" err="1">
                <a:cs typeface="Calibri"/>
              </a:rPr>
              <a:t>TreePRG</a:t>
            </a:r>
            <a:r>
              <a:rPr lang="en-US">
                <a:cs typeface="Calibri"/>
              </a:rPr>
              <a:t> for random x</a:t>
            </a:r>
            <a:r>
              <a:rPr lang="en-US" baseline="-25000">
                <a:cs typeface="Calibri"/>
              </a:rPr>
              <a:t>i</a:t>
            </a:r>
            <a:r>
              <a:rPr lang="en-US">
                <a:cs typeface="Calibri"/>
              </a:rPr>
              <a:t> and </a:t>
            </a:r>
            <a:r>
              <a:rPr lang="en-US" err="1">
                <a:cs typeface="Calibri"/>
              </a:rPr>
              <a:t>r</a:t>
            </a:r>
            <a:r>
              <a:rPr lang="en-US" baseline="-25000" err="1">
                <a:cs typeface="Calibri"/>
              </a:rPr>
              <a:t>i</a:t>
            </a:r>
            <a:r>
              <a:rPr lang="en-US">
                <a:cs typeface="Calibri"/>
              </a:rPr>
              <a:t>. (Log size opening) </a:t>
            </a:r>
          </a:p>
          <a:p>
            <a:r>
              <a:rPr lang="en-US">
                <a:cs typeface="Calibri"/>
              </a:rPr>
              <a:t>Hypercube: </a:t>
            </a:r>
          </a:p>
          <a:p>
            <a:endParaRPr lang="en-US">
              <a:cs typeface="Calibri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B1508A1-8C43-39CB-C3FA-D9AB948043E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012A2CC-AE70-B19A-977A-96CD30F7600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19</a:t>
            </a:fld>
            <a:endParaRPr lang="en-GB"/>
          </a:p>
        </p:txBody>
      </p:sp>
      <p:pic>
        <p:nvPicPr>
          <p:cNvPr id="6" name="Picture 5" descr="A white squares with black numbers and red circles&#10;&#10;Description automatically generated">
            <a:extLst>
              <a:ext uri="{FF2B5EF4-FFF2-40B4-BE49-F238E27FC236}">
                <a16:creationId xmlns:a16="http://schemas.microsoft.com/office/drawing/2014/main" id="{00AEE1B1-1A76-F265-2478-4027295AF05F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313755" y="1808302"/>
            <a:ext cx="2743200" cy="2726575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5F978C55-1D4F-EFE3-A170-A15CE5611114}"/>
              </a:ext>
            </a:extLst>
          </p:cNvPr>
          <p:cNvSpPr txBox="1"/>
          <p:nvPr/>
        </p:nvSpPr>
        <p:spPr>
          <a:xfrm>
            <a:off x="465881" y="2299499"/>
            <a:ext cx="2807552" cy="136960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sz="1400">
                <a:ea typeface="+mn-lt"/>
                <a:cs typeface="+mn-lt"/>
              </a:rPr>
              <a:t>Carlos Aguilar-Melchor, Nicolas Gama, James Howe, Andreas Hülsing, David Joseph, and Dongze Yue</a:t>
            </a:r>
          </a:p>
          <a:p>
            <a:r>
              <a:rPr lang="en-US" i="1">
                <a:ea typeface="+mn-lt"/>
                <a:cs typeface="+mn-lt"/>
              </a:rPr>
              <a:t>The Return of the </a:t>
            </a:r>
            <a:r>
              <a:rPr lang="en-US" i="1" err="1">
                <a:ea typeface="+mn-lt"/>
                <a:cs typeface="+mn-lt"/>
              </a:rPr>
              <a:t>SDitH</a:t>
            </a:r>
            <a:r>
              <a:rPr lang="en-US" i="1">
                <a:ea typeface="+mn-lt"/>
                <a:cs typeface="+mn-lt"/>
              </a:rPr>
              <a:t>.</a:t>
            </a:r>
            <a:r>
              <a:rPr lang="en-US" b="1">
                <a:ea typeface="+mn-lt"/>
                <a:cs typeface="+mn-lt"/>
              </a:rPr>
              <a:t> </a:t>
            </a:r>
            <a:br>
              <a:rPr lang="en-US" b="1">
                <a:ea typeface="+mn-lt"/>
                <a:cs typeface="+mn-lt"/>
              </a:rPr>
            </a:br>
            <a:r>
              <a:rPr lang="en-US">
                <a:ea typeface="+mn-lt"/>
                <a:cs typeface="+mn-lt"/>
              </a:rPr>
              <a:t>EUROCRYPT, 2023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6863369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/>
              <a:t>Joint work with </a:t>
            </a:r>
            <a:endParaRPr lang="en-US"/>
          </a:p>
        </p:txBody>
      </p:sp>
      <p:pic>
        <p:nvPicPr>
          <p:cNvPr id="4" name="Content Placeholder 3" descr="Carlos Aguilar Melchor - Leader of Cryptography Research Team at SandboxAQ">
            <a:extLst>
              <a:ext uri="{FF2B5EF4-FFF2-40B4-BE49-F238E27FC236}">
                <a16:creationId xmlns:a16="http://schemas.microsoft.com/office/drawing/2014/main" id="{739460CC-C999-C838-1358-E01F434804C4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5"/>
          <a:stretch>
            <a:fillRect/>
          </a:stretch>
        </p:blipFill>
        <p:spPr>
          <a:xfrm>
            <a:off x="2168455" y="1048641"/>
            <a:ext cx="1872770" cy="1187179"/>
          </a:xfrm>
        </p:spPr>
      </p:pic>
      <p:sp>
        <p:nvSpPr>
          <p:cNvPr id="5" name="Tijdelijke aanduiding voor dianumm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pPr/>
              <a:t>2</a:t>
            </a:fld>
            <a:endParaRPr lang="en-GB"/>
          </a:p>
        </p:txBody>
      </p:sp>
      <p:sp>
        <p:nvSpPr>
          <p:cNvPr id="6" name="Footer" descr="{&quot;templafy&quot;:{&quot;id&quot;:&quot;7c230117-9df0-4d21-bb08-d0bd7ec36bca&quot;}}">
            <a:extLst>
              <a:ext uri="{FF2B5EF4-FFF2-40B4-BE49-F238E27FC236}">
                <a16:creationId xmlns:a16="http://schemas.microsoft.com/office/drawing/2014/main" id="{EDD23E20-49E0-7A5B-AEC2-C9CE913AD82A}"/>
              </a:ext>
            </a:extLst>
          </p:cNvPr>
          <p:cNvSpPr/>
          <p:nvPr/>
        </p:nvSpPr>
        <p:spPr>
          <a:xfrm>
            <a:off x="1060704" y="4568785"/>
            <a:ext cx="7095871" cy="57467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90000" tIns="46800" rIns="90000" bIns="46800" rtlCol="0" anchor="ctr"/>
          <a:lstStyle/>
          <a:p>
            <a:pPr algn="l"/>
            <a:r>
              <a:rPr lang="en-NL" sz="1350">
                <a:solidFill>
                  <a:schemeClr val="tx1"/>
                </a:solidFill>
              </a:rPr>
              <a:t>SDitH in the QROM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3AB40C94-C5C6-C106-8E83-69952D81C0AB}"/>
              </a:ext>
            </a:extLst>
          </p:cNvPr>
          <p:cNvSpPr txBox="1"/>
          <p:nvPr/>
        </p:nvSpPr>
        <p:spPr>
          <a:xfrm>
            <a:off x="2167517" y="2237213"/>
            <a:ext cx="1874798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/>
            <a:r>
              <a:rPr lang="en-US" b="1"/>
              <a:t>Carlos Aguilar Melchor </a:t>
            </a:r>
            <a:endParaRPr lang="en-US">
              <a:cs typeface="Calibri"/>
            </a:endParaRPr>
          </a:p>
        </p:txBody>
      </p:sp>
      <p:pic>
        <p:nvPicPr>
          <p:cNvPr id="8" name="Picture 7" descr="David Joseph on LinkedIn: #defcon31">
            <a:extLst>
              <a:ext uri="{FF2B5EF4-FFF2-40B4-BE49-F238E27FC236}">
                <a16:creationId xmlns:a16="http://schemas.microsoft.com/office/drawing/2014/main" id="{5E47E05C-66AC-F95A-D313-D0DDA6EEAC03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4120377" y="1032881"/>
            <a:ext cx="1188999" cy="1188999"/>
          </a:xfrm>
          <a:prstGeom prst="rect">
            <a:avLst/>
          </a:prstGeom>
        </p:spPr>
      </p:pic>
      <p:sp>
        <p:nvSpPr>
          <p:cNvPr id="9" name="TextBox 8">
            <a:extLst>
              <a:ext uri="{FF2B5EF4-FFF2-40B4-BE49-F238E27FC236}">
                <a16:creationId xmlns:a16="http://schemas.microsoft.com/office/drawing/2014/main" id="{B4A74869-06AF-4785-F561-054BCA8924E0}"/>
              </a:ext>
            </a:extLst>
          </p:cNvPr>
          <p:cNvSpPr txBox="1"/>
          <p:nvPr/>
        </p:nvSpPr>
        <p:spPr>
          <a:xfrm>
            <a:off x="4118981" y="2223275"/>
            <a:ext cx="1191786" cy="30705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/>
            <a:r>
              <a:rPr lang="en-US" b="1"/>
              <a:t>David Joseph</a:t>
            </a:r>
            <a:endParaRPr lang="en-US"/>
          </a:p>
        </p:txBody>
      </p:sp>
      <p:pic>
        <p:nvPicPr>
          <p:cNvPr id="10" name="Picture 9" descr="Steven (Dongze) Yue on LinkedIn: GitHub - sandbox-quantum/sandwich:  Sandwich is a multi-platform…">
            <a:extLst>
              <a:ext uri="{FF2B5EF4-FFF2-40B4-BE49-F238E27FC236}">
                <a16:creationId xmlns:a16="http://schemas.microsoft.com/office/drawing/2014/main" id="{4EC1178B-4589-5352-3AC5-8D5D9BB3869D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480360" y="1033810"/>
            <a:ext cx="1187142" cy="1187142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2583B9CD-E791-8DB7-F5BA-A96FF46F3DE3}"/>
              </a:ext>
            </a:extLst>
          </p:cNvPr>
          <p:cNvSpPr txBox="1"/>
          <p:nvPr/>
        </p:nvSpPr>
        <p:spPr>
          <a:xfrm>
            <a:off x="5478035" y="2223273"/>
            <a:ext cx="1191786" cy="30705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/>
            <a:r>
              <a:rPr lang="en-US" b="1" err="1"/>
              <a:t>Dongzhe</a:t>
            </a:r>
            <a:r>
              <a:rPr lang="en-US" b="1"/>
              <a:t> Yue</a:t>
            </a:r>
            <a:endParaRPr lang="en-US">
              <a:cs typeface="Calibri"/>
            </a:endParaRPr>
          </a:p>
        </p:txBody>
      </p:sp>
      <p:pic>
        <p:nvPicPr>
          <p:cNvPr id="12" name="Picture 11" descr="Steven (Dongze) Yue | LinkedIn">
            <a:extLst>
              <a:ext uri="{FF2B5EF4-FFF2-40B4-BE49-F238E27FC236}">
                <a16:creationId xmlns:a16="http://schemas.microsoft.com/office/drawing/2014/main" id="{42CD53E9-29E2-955C-BB64-4654932D20E3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l="19847" t="27449" r="18575" b="31884"/>
          <a:stretch/>
        </p:blipFill>
        <p:spPr>
          <a:xfrm>
            <a:off x="3646448" y="2840076"/>
            <a:ext cx="2128279" cy="739006"/>
          </a:xfrm>
          <a:prstGeom prst="rect">
            <a:avLst/>
          </a:prstGeom>
        </p:spPr>
      </p:pic>
      <p:pic>
        <p:nvPicPr>
          <p:cNvPr id="13" name="Picture 12" descr="Christian Majenz">
            <a:extLst>
              <a:ext uri="{FF2B5EF4-FFF2-40B4-BE49-F238E27FC236}">
                <a16:creationId xmlns:a16="http://schemas.microsoft.com/office/drawing/2014/main" id="{D5826BB5-9192-F854-104A-B4FD2BD10721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636549" y="993503"/>
            <a:ext cx="950177" cy="1288663"/>
          </a:xfrm>
          <a:prstGeom prst="rect">
            <a:avLst/>
          </a:prstGeom>
        </p:spPr>
      </p:pic>
      <p:sp>
        <p:nvSpPr>
          <p:cNvPr id="14" name="TextBox 13">
            <a:extLst>
              <a:ext uri="{FF2B5EF4-FFF2-40B4-BE49-F238E27FC236}">
                <a16:creationId xmlns:a16="http://schemas.microsoft.com/office/drawing/2014/main" id="{F8F5BB58-C827-F5F3-1D07-1C749B52E371}"/>
              </a:ext>
            </a:extLst>
          </p:cNvPr>
          <p:cNvSpPr txBox="1"/>
          <p:nvPr/>
        </p:nvSpPr>
        <p:spPr>
          <a:xfrm>
            <a:off x="432108" y="2279030"/>
            <a:ext cx="1393901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b="1"/>
              <a:t>Christian </a:t>
            </a:r>
            <a:r>
              <a:rPr lang="en-US" b="1" err="1"/>
              <a:t>Majenz</a:t>
            </a:r>
            <a:endParaRPr lang="en-US" err="1"/>
          </a:p>
        </p:txBody>
      </p:sp>
      <p:pic>
        <p:nvPicPr>
          <p:cNvPr id="15" name="Picture 14" descr="Logo">
            <a:extLst>
              <a:ext uri="{FF2B5EF4-FFF2-40B4-BE49-F238E27FC236}">
                <a16:creationId xmlns:a16="http://schemas.microsoft.com/office/drawing/2014/main" id="{E3FDEAB0-13BD-28B5-78E6-E8C4D15BDA1A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649558" y="2699413"/>
            <a:ext cx="924158" cy="1159484"/>
          </a:xfrm>
          <a:prstGeom prst="rect">
            <a:avLst/>
          </a:prstGeom>
        </p:spPr>
      </p:pic>
      <p:pic>
        <p:nvPicPr>
          <p:cNvPr id="16" name="Picture 15" descr="Eyal Ronen">
            <a:extLst>
              <a:ext uri="{FF2B5EF4-FFF2-40B4-BE49-F238E27FC236}">
                <a16:creationId xmlns:a16="http://schemas.microsoft.com/office/drawing/2014/main" id="{50023624-8164-25D1-EBF2-18ED5123927B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>
            <a:off x="7214607" y="1046588"/>
            <a:ext cx="1189464" cy="1189464"/>
          </a:xfrm>
          <a:prstGeom prst="rect">
            <a:avLst/>
          </a:prstGeom>
        </p:spPr>
      </p:pic>
      <p:sp>
        <p:nvSpPr>
          <p:cNvPr id="17" name="TextBox 16">
            <a:extLst>
              <a:ext uri="{FF2B5EF4-FFF2-40B4-BE49-F238E27FC236}">
                <a16:creationId xmlns:a16="http://schemas.microsoft.com/office/drawing/2014/main" id="{D5E5A406-C451-911A-1DCD-DB534063AC3B}"/>
              </a:ext>
            </a:extLst>
          </p:cNvPr>
          <p:cNvSpPr txBox="1"/>
          <p:nvPr/>
        </p:nvSpPr>
        <p:spPr>
          <a:xfrm>
            <a:off x="7213443" y="2230242"/>
            <a:ext cx="1191786" cy="307051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pPr algn="ctr"/>
            <a:r>
              <a:rPr lang="en-US" b="1"/>
              <a:t>Eyal Ronen</a:t>
            </a:r>
            <a:endParaRPr lang="en-US" b="1">
              <a:cs typeface="Calibri"/>
            </a:endParaRPr>
          </a:p>
        </p:txBody>
      </p:sp>
      <p:pic>
        <p:nvPicPr>
          <p:cNvPr id="18" name="Picture 17" descr="File:Tel Aviv university logo - English.png - Wikimedia Commons">
            <a:extLst>
              <a:ext uri="{FF2B5EF4-FFF2-40B4-BE49-F238E27FC236}">
                <a16:creationId xmlns:a16="http://schemas.microsoft.com/office/drawing/2014/main" id="{A419ED08-8D94-F550-77B7-211B86E8B076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7131203" y="2791607"/>
            <a:ext cx="1349298" cy="752072"/>
          </a:xfrm>
          <a:prstGeom prst="rect">
            <a:avLst/>
          </a:prstGeom>
        </p:spPr>
      </p:pic>
      <p:sp>
        <p:nvSpPr>
          <p:cNvPr id="19" name="Footer Placeholder 18">
            <a:extLst>
              <a:ext uri="{FF2B5EF4-FFF2-40B4-BE49-F238E27FC236}">
                <a16:creationId xmlns:a16="http://schemas.microsoft.com/office/drawing/2014/main" id="{12D3ABE6-26A9-4F1A-5D4C-532A634000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1116743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C2817C6-1C23-FDD4-EA33-1BDE7D717CD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Signature Scheme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AA40AA3B-D82E-2D38-B260-F0F07E03AFA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>
                <a:cs typeface="Calibri"/>
              </a:rPr>
              <a:t>Fiat-Shamir transform</a:t>
            </a:r>
          </a:p>
          <a:p>
            <a:pPr marL="342900" indent="-342900">
              <a:buChar char="•"/>
            </a:pPr>
            <a:r>
              <a:rPr lang="en-US" err="1">
                <a:cs typeface="Calibri"/>
              </a:rPr>
              <a:t>S.KeyGen</a:t>
            </a:r>
            <a:r>
              <a:rPr lang="en-US">
                <a:cs typeface="Calibri"/>
              </a:rPr>
              <a:t> = </a:t>
            </a:r>
            <a:r>
              <a:rPr lang="en-US" err="1">
                <a:cs typeface="Calibri"/>
              </a:rPr>
              <a:t>IDS.KeyGen</a:t>
            </a:r>
            <a:endParaRPr lang="en-US">
              <a:cs typeface="Calibri"/>
            </a:endParaRPr>
          </a:p>
          <a:p>
            <a:pPr marL="342900" indent="-342900">
              <a:buChar char="•"/>
            </a:pPr>
            <a:r>
              <a:rPr lang="en-US" err="1">
                <a:cs typeface="Calibri"/>
              </a:rPr>
              <a:t>S.Sign</a:t>
            </a:r>
            <a:r>
              <a:rPr lang="en-US">
                <a:cs typeface="Calibri"/>
              </a:rPr>
              <a:t>(</a:t>
            </a:r>
            <a:r>
              <a:rPr lang="en-US" err="1">
                <a:cs typeface="Calibri"/>
              </a:rPr>
              <a:t>sk,m</a:t>
            </a:r>
            <a:r>
              <a:rPr lang="en-US">
                <a:cs typeface="Calibri"/>
              </a:rPr>
              <a:t>) = P.COMMIT + P.RESPONSE</a:t>
            </a:r>
            <a:r>
              <a:rPr lang="en-US" baseline="-25000">
                <a:cs typeface="Calibri"/>
              </a:rPr>
              <a:t>1</a:t>
            </a:r>
            <a:r>
              <a:rPr lang="en-US">
                <a:cs typeface="Calibri"/>
              </a:rPr>
              <a:t> + P.RESPONSE</a:t>
            </a:r>
            <a:r>
              <a:rPr lang="en-US" baseline="-25000">
                <a:cs typeface="Calibri"/>
              </a:rPr>
              <a:t>2</a:t>
            </a:r>
            <a:br>
              <a:rPr lang="en-US" baseline="-25000">
                <a:cs typeface="Calibri"/>
              </a:rPr>
            </a:br>
            <a:r>
              <a:rPr lang="en-US">
                <a:cs typeface="Calibri"/>
              </a:rPr>
              <a:t>with c</a:t>
            </a:r>
            <a:r>
              <a:rPr lang="en-US" baseline="-25000">
                <a:cs typeface="Calibri"/>
              </a:rPr>
              <a:t>1</a:t>
            </a:r>
            <a:r>
              <a:rPr lang="en-US">
                <a:cs typeface="Calibri"/>
              </a:rPr>
              <a:t> = H(w[, m]), c</a:t>
            </a:r>
            <a:r>
              <a:rPr lang="en-US" baseline="-25000">
                <a:cs typeface="Calibri"/>
              </a:rPr>
              <a:t>2</a:t>
            </a:r>
            <a:r>
              <a:rPr lang="en-US">
                <a:cs typeface="Calibri"/>
              </a:rPr>
              <a:t> = H(c</a:t>
            </a:r>
            <a:r>
              <a:rPr lang="en-US" baseline="-25000">
                <a:cs typeface="Calibri"/>
              </a:rPr>
              <a:t>1</a:t>
            </a:r>
            <a:r>
              <a:rPr lang="en-US">
                <a:cs typeface="Calibri"/>
              </a:rPr>
              <a:t>,z</a:t>
            </a:r>
            <a:r>
              <a:rPr lang="en-US" baseline="-25000">
                <a:cs typeface="Calibri"/>
              </a:rPr>
              <a:t>1</a:t>
            </a:r>
            <a:r>
              <a:rPr lang="en-US">
                <a:cs typeface="Calibri"/>
              </a:rPr>
              <a:t>,m)</a:t>
            </a:r>
          </a:p>
          <a:p>
            <a:pPr marL="342900" indent="-342900">
              <a:buChar char="•"/>
            </a:pPr>
            <a:r>
              <a:rPr lang="en-US" err="1">
                <a:cs typeface="Calibri"/>
              </a:rPr>
              <a:t>S.Verify</a:t>
            </a:r>
            <a:r>
              <a:rPr lang="en-US">
                <a:cs typeface="Calibri"/>
              </a:rPr>
              <a:t> = </a:t>
            </a:r>
            <a:r>
              <a:rPr lang="en-US" err="1">
                <a:cs typeface="Calibri"/>
              </a:rPr>
              <a:t>V.verify</a:t>
            </a:r>
            <a:r>
              <a:rPr lang="en-US">
                <a:cs typeface="Calibri"/>
              </a:rPr>
              <a:t> </a:t>
            </a:r>
            <a:r>
              <a:rPr lang="en-US" sz="2000">
                <a:cs typeface="Calibri"/>
              </a:rPr>
              <a:t>with c</a:t>
            </a:r>
            <a:r>
              <a:rPr lang="en-US" sz="1300" baseline="-25000">
                <a:cs typeface="Calibri"/>
              </a:rPr>
              <a:t>1</a:t>
            </a:r>
            <a:r>
              <a:rPr lang="en-US" sz="2000">
                <a:cs typeface="Calibri"/>
              </a:rPr>
              <a:t> = H(w[, m]), c</a:t>
            </a:r>
            <a:r>
              <a:rPr lang="en-US" sz="1300" baseline="-25000">
                <a:cs typeface="Calibri"/>
              </a:rPr>
              <a:t>2</a:t>
            </a:r>
            <a:r>
              <a:rPr lang="en-US" sz="2000">
                <a:cs typeface="Calibri"/>
              </a:rPr>
              <a:t> = H(c</a:t>
            </a:r>
            <a:r>
              <a:rPr lang="en-US" sz="1300" baseline="-25000">
                <a:cs typeface="Calibri"/>
              </a:rPr>
              <a:t>1</a:t>
            </a:r>
            <a:r>
              <a:rPr lang="en-US" sz="2000">
                <a:cs typeface="Calibri"/>
              </a:rPr>
              <a:t>,z</a:t>
            </a:r>
            <a:r>
              <a:rPr lang="en-US" sz="1300" baseline="-25000">
                <a:cs typeface="Calibri"/>
              </a:rPr>
              <a:t>1</a:t>
            </a:r>
            <a:r>
              <a:rPr lang="en-US" sz="2000">
                <a:cs typeface="Calibri"/>
              </a:rPr>
              <a:t>,m)</a:t>
            </a:r>
          </a:p>
          <a:p>
            <a:endParaRPr lang="en-US" sz="2000">
              <a:cs typeface="Calibri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280ED5D-C552-FFA9-0932-BEB2867181C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AA0E65C-4FD5-E979-193B-AA7D213C28E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0624843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6670B0-C160-85D7-0645-FE2E9426E0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How to prove security?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D74A72A-17B1-F416-5FE9-2828EC53A3A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342900" indent="-342900">
              <a:buChar char="•"/>
            </a:pPr>
            <a:r>
              <a:rPr lang="en-US">
                <a:cs typeface="Calibri"/>
              </a:rPr>
              <a:t>IDS: Done in [FJR'22]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Signature against classical adversaries (ROM): </a:t>
            </a:r>
            <a:r>
              <a:rPr lang="en-US" sz="2000">
                <a:cs typeface="Calibri"/>
              </a:rPr>
              <a:t>Done in [FJR'22]</a:t>
            </a:r>
          </a:p>
          <a:p>
            <a:pPr marL="342900" indent="-342900">
              <a:buChar char="•"/>
            </a:pPr>
            <a:r>
              <a:rPr lang="en-US" sz="2000">
                <a:cs typeface="Calibri"/>
              </a:rPr>
              <a:t>Signature against quantum adversaries (QROM): ?</a:t>
            </a:r>
          </a:p>
          <a:p>
            <a:pPr marL="342900" indent="-342900">
              <a:buChar char="•"/>
            </a:pPr>
            <a:endParaRPr lang="en-US" sz="2000">
              <a:cs typeface="Calibri"/>
            </a:endParaRPr>
          </a:p>
          <a:p>
            <a:pPr marL="342900" indent="-342900">
              <a:buChar char="•"/>
            </a:pPr>
            <a:endParaRPr lang="en-US" sz="2000">
              <a:cs typeface="Calibri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D3E3643-9564-A554-C1A0-99636588EA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678067-92E6-25BA-3B68-5D7163A5D9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68594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66670B0-C160-85D7-0645-FE2E9426E0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How to prove security?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D74A72A-17B1-F416-5FE9-2828EC53A3A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342900" indent="-342900">
              <a:buChar char="•"/>
            </a:pPr>
            <a:r>
              <a:rPr lang="en-US">
                <a:cs typeface="Calibri"/>
              </a:rPr>
              <a:t>IDS: Done in [FJR'22]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Signature against classical adversaries (ROM): </a:t>
            </a:r>
            <a:r>
              <a:rPr lang="en-US" sz="2000">
                <a:cs typeface="Calibri"/>
              </a:rPr>
              <a:t>Done in [FJR'22]</a:t>
            </a:r>
          </a:p>
          <a:p>
            <a:pPr marL="342900" indent="-342900">
              <a:buChar char="•"/>
            </a:pPr>
            <a:r>
              <a:rPr lang="en-US" sz="2000">
                <a:cs typeface="Calibri"/>
              </a:rPr>
              <a:t>Signature against quantum adversaries (QROM): ?</a:t>
            </a:r>
          </a:p>
          <a:p>
            <a:pPr marL="342900" indent="-342900">
              <a:buChar char="•"/>
            </a:pPr>
            <a:endParaRPr lang="en-US" sz="2000">
              <a:cs typeface="Calibri"/>
            </a:endParaRPr>
          </a:p>
          <a:p>
            <a:pPr marL="342900" indent="-342900">
              <a:buChar char="•"/>
            </a:pPr>
            <a:endParaRPr lang="en-US" sz="2000">
              <a:cs typeface="Calibri"/>
            </a:endParaRPr>
          </a:p>
          <a:p>
            <a:pPr marL="342900" indent="-342900">
              <a:buChar char="•"/>
            </a:pPr>
            <a:r>
              <a:rPr lang="en-US" sz="2000">
                <a:cs typeface="Calibri"/>
              </a:rPr>
              <a:t>Generic results on (5-round) FS have a horrible tightness loss </a:t>
            </a:r>
            <a:endParaRPr lang="en-US">
              <a:cs typeface="Calibri"/>
            </a:endParaRPr>
          </a:p>
          <a:p>
            <a:pPr marL="342900" indent="-342900">
              <a:buChar char="•"/>
            </a:pPr>
            <a:r>
              <a:rPr lang="en-US" sz="2000">
                <a:cs typeface="Calibri"/>
              </a:rPr>
              <a:t>Amazing (pretty) tight result for commit &amp; open IDS</a:t>
            </a:r>
            <a:br>
              <a:rPr lang="en-US" sz="2000">
                <a:cs typeface="Calibri"/>
              </a:rPr>
            </a:br>
            <a:r>
              <a:rPr lang="en-US" sz="1200">
                <a:ea typeface="+mn-lt"/>
                <a:cs typeface="+mn-lt"/>
              </a:rPr>
              <a:t>J. Don, S. Fehr, C. Majenz, and C. Schaffner. </a:t>
            </a:r>
            <a:br>
              <a:rPr lang="en-US" sz="1200">
                <a:ea typeface="+mn-lt"/>
                <a:cs typeface="+mn-lt"/>
              </a:rPr>
            </a:br>
            <a:r>
              <a:rPr lang="en-US" sz="1200" i="1">
                <a:ea typeface="+mn-lt"/>
                <a:cs typeface="+mn-lt"/>
              </a:rPr>
              <a:t>Efficient NIZKs and Signatures from Commit-and-Open Protocols in the QROM. </a:t>
            </a:r>
            <a:br>
              <a:rPr lang="en-US" sz="1200">
                <a:ea typeface="+mn-lt"/>
                <a:cs typeface="+mn-lt"/>
              </a:rPr>
            </a:br>
            <a:r>
              <a:rPr lang="en-US" sz="1200">
                <a:ea typeface="+mn-lt"/>
                <a:cs typeface="+mn-lt"/>
              </a:rPr>
              <a:t>Crypto'22</a:t>
            </a:r>
            <a:br>
              <a:rPr lang="en-US" sz="1200">
                <a:ea typeface="+mn-lt"/>
                <a:cs typeface="+mn-lt"/>
              </a:rPr>
            </a:br>
            <a:r>
              <a:rPr lang="en-US" sz="2000">
                <a:cs typeface="Calibri"/>
              </a:rPr>
              <a:t>But: only for 3-round IDS</a:t>
            </a:r>
            <a:endParaRPr lang="en-US">
              <a:cs typeface="Calibri"/>
            </a:endParaRPr>
          </a:p>
          <a:p>
            <a:pPr marL="342900" indent="-342900">
              <a:buChar char="•"/>
            </a:pPr>
            <a:endParaRPr lang="en-US" sz="2000">
              <a:cs typeface="Calibri"/>
            </a:endParaRPr>
          </a:p>
          <a:p>
            <a:pPr marL="342900" indent="-342900">
              <a:buChar char="•"/>
            </a:pPr>
            <a:endParaRPr lang="en-US" sz="2000">
              <a:cs typeface="Calibri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D3E3643-9564-A554-C1A0-99636588EA0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3678067-92E6-25BA-3B68-5D7163A5D9C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952963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71F17C-8793-684E-79CF-791184560C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71AF8F6-E7B8-9C9B-4180-ABAE2549354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ctr">
            <a:noAutofit/>
          </a:bodyPr>
          <a:lstStyle/>
          <a:p>
            <a:pPr algn="ctr"/>
            <a:r>
              <a:rPr lang="en-US" sz="3200">
                <a:cs typeface="Calibri"/>
              </a:rPr>
              <a:t>Wait, FJR'22 showed 2-special soundness. 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F5C75A-BC9E-C2A2-0430-E84DEADFA4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77B569-6C3C-D06A-C8FE-3BA4567FB1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5114866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471F17C-8793-684E-79CF-791184560C4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71AF8F6-E7B8-9C9B-4180-ABAE2549354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ctr">
            <a:noAutofit/>
          </a:bodyPr>
          <a:lstStyle/>
          <a:p>
            <a:pPr algn="ctr"/>
            <a:r>
              <a:rPr lang="en-US" sz="3200">
                <a:cs typeface="Calibri"/>
              </a:rPr>
              <a:t>We showed something about 2-special sound 5-round IDS in the MQDSS paper...</a:t>
            </a:r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F5C75A-BC9E-C2A2-0430-E84DEADFA46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77B569-6C3C-D06A-C8FE-3BA4567FB1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3490973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372AC1C-577A-0144-BFAA-4494813F3FD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Observation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D6B3378C-E9E9-0ABC-35BB-60C0B4A6ED8A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>
                <a:cs typeface="Calibri"/>
              </a:rPr>
              <a:t>We can apply a "cheap FS transform" to the first challenge.</a:t>
            </a:r>
          </a:p>
          <a:p>
            <a:endParaRPr lang="en-US">
              <a:cs typeface="Calibri"/>
            </a:endParaRP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Replace challenge by hash of commitment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Security argument based on hard search problem</a:t>
            </a:r>
          </a:p>
          <a:p>
            <a:pPr marL="342900" indent="-342900">
              <a:buChar char="•"/>
            </a:pPr>
            <a:endParaRPr lang="en-US">
              <a:cs typeface="Calibri"/>
            </a:endParaRP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Cheap? No extraction needed. Just information theoretic arguments </a:t>
            </a:r>
            <a:br>
              <a:rPr lang="en-US">
                <a:cs typeface="Calibri"/>
              </a:rPr>
            </a:br>
            <a:r>
              <a:rPr lang="en-US">
                <a:cs typeface="Calibri"/>
              </a:rPr>
              <a:t>(as everything is in the (Q)ROM)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20F3D6F-BDE1-3BD1-7085-C2696EC7F20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395C155-79FD-69D5-3C03-7F0F7A8642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27252601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BC67E8-DE2D-06BB-547B-A8E161E63B7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Proof strategy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A1DC8CB-CDE6-77B0-66D2-05022718C5B8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342900" indent="-342900">
              <a:buChar char="•"/>
            </a:pPr>
            <a:r>
              <a:rPr lang="en-US">
                <a:cs typeface="Calibri"/>
              </a:rPr>
              <a:t>Reduce to 3-rounds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Prove HVZK in QROM -&gt; standard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Prove Soundness in QROM -&gt; see below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Apply known results:</a:t>
            </a:r>
          </a:p>
          <a:p>
            <a:pPr marL="523875" lvl="2" indent="-342900"/>
            <a:r>
              <a:rPr lang="en-US" sz="1100">
                <a:ea typeface="+mn-lt"/>
                <a:cs typeface="+mn-lt"/>
              </a:rPr>
              <a:t>A. B. Grilo, K. Hövelmanns, A. Hülsing, and Christian Majenz.</a:t>
            </a:r>
            <a:r>
              <a:rPr lang="en-US" sz="1100" i="1">
                <a:ea typeface="+mn-lt"/>
                <a:cs typeface="+mn-lt"/>
              </a:rPr>
              <a:t> Tight adaptive reprogramming in the QROM.</a:t>
            </a:r>
            <a:r>
              <a:rPr lang="en-US" sz="1100">
                <a:ea typeface="+mn-lt"/>
                <a:cs typeface="+mn-lt"/>
              </a:rPr>
              <a:t> Asiacrypt'21</a:t>
            </a:r>
            <a:br>
              <a:rPr lang="en-US">
                <a:cs typeface="Calibri"/>
              </a:rPr>
            </a:br>
            <a:r>
              <a:rPr lang="en-US">
                <a:cs typeface="Calibri"/>
              </a:rPr>
              <a:t>UF-NMA + HVZK ==QROM==&gt; UF-CMA</a:t>
            </a:r>
          </a:p>
          <a:p>
            <a:pPr marL="523875" lvl="2" indent="-342900"/>
            <a:r>
              <a:rPr lang="en-US" sz="1200">
                <a:cs typeface="Calibri"/>
              </a:rPr>
              <a:t>J. Don, S. Fehr, C. Majenz, and C. Schaffner. </a:t>
            </a:r>
            <a:br>
              <a:rPr lang="en-US" sz="1200">
                <a:cs typeface="Calibri"/>
              </a:rPr>
            </a:br>
            <a:r>
              <a:rPr lang="en-US" sz="1200">
                <a:cs typeface="Calibri"/>
              </a:rPr>
              <a:t>Efficient NIZKs and Signatures from Commit-and-Open Protocols in the QROM. </a:t>
            </a:r>
            <a:br>
              <a:rPr lang="en-US" sz="1200">
                <a:cs typeface="Calibri"/>
              </a:rPr>
            </a:br>
            <a:r>
              <a:rPr lang="en-US" sz="1200">
                <a:cs typeface="Calibri"/>
              </a:rPr>
              <a:t>Crypto'22</a:t>
            </a:r>
            <a:br>
              <a:rPr lang="en-US" sz="1800">
                <a:cs typeface="Calibri"/>
              </a:rPr>
            </a:br>
            <a:r>
              <a:rPr lang="en-US">
                <a:cs typeface="Calibri"/>
              </a:rPr>
              <a:t>Sp. Sound.  ==QROM==&gt; UF-NMA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E8144B0-7E98-F3CE-054A-41C0768119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5B05527-81BB-4C45-C993-59F3718696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595651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FC54EC7-E3F5-0B81-2225-B1488E1910D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Computational version of special soundness</a:t>
            </a:r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AFFBC87-4161-2235-61DC-1E81B891039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DEBB4E2-9217-8EF2-D8D8-B015337FAAD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7</a:t>
            </a:fld>
            <a:endParaRPr lang="en-GB"/>
          </a:p>
        </p:txBody>
      </p:sp>
      <p:pic>
        <p:nvPicPr>
          <p:cNvPr id="9" name="Content Placeholder 8" descr="A white background with black text&#10;&#10;Description automatically generated">
            <a:extLst>
              <a:ext uri="{FF2B5EF4-FFF2-40B4-BE49-F238E27FC236}">
                <a16:creationId xmlns:a16="http://schemas.microsoft.com/office/drawing/2014/main" id="{04498D3D-5A17-09BE-B624-004FA5C4A19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58824" y="1535232"/>
            <a:ext cx="7556501" cy="2465277"/>
          </a:xfrm>
        </p:spPr>
      </p:pic>
    </p:spTree>
    <p:extLst>
      <p:ext uri="{BB962C8B-B14F-4D97-AF65-F5344CB8AC3E}">
        <p14:creationId xmlns:p14="http://schemas.microsoft.com/office/powerpoint/2010/main" val="272189007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93FADC-9237-2F7A-DC22-85FCDFC70D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Proven bound</a:t>
            </a:r>
            <a:endParaRPr lang="en-US"/>
          </a:p>
        </p:txBody>
      </p:sp>
      <p:pic>
        <p:nvPicPr>
          <p:cNvPr id="6" name="Content Placeholder 5" descr="A math equations and formulas&#10;&#10;Description automatically generated">
            <a:extLst>
              <a:ext uri="{FF2B5EF4-FFF2-40B4-BE49-F238E27FC236}">
                <a16:creationId xmlns:a16="http://schemas.microsoft.com/office/drawing/2014/main" id="{F3AEB9AF-CAF7-ED03-7F75-B1106CE2FC3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58824" y="1590299"/>
            <a:ext cx="7556501" cy="2355143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EE92146-CEE7-5D7E-3B7F-F4EBE4E8D2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0E36FD1-2088-B63D-95F6-0451DBD711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443991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093FADC-9237-2F7A-DC22-85FCDFC70DA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Proven bound</a:t>
            </a:r>
            <a:endParaRPr lang="en-US"/>
          </a:p>
        </p:txBody>
      </p:sp>
      <p:pic>
        <p:nvPicPr>
          <p:cNvPr id="6" name="Content Placeholder 5" descr="A math equations and formulas&#10;&#10;Description automatically generated">
            <a:extLst>
              <a:ext uri="{FF2B5EF4-FFF2-40B4-BE49-F238E27FC236}">
                <a16:creationId xmlns:a16="http://schemas.microsoft.com/office/drawing/2014/main" id="{F3AEB9AF-CAF7-ED03-7F75-B1106CE2FC3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58824" y="1590299"/>
            <a:ext cx="7556501" cy="2355143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8EE92146-CEE7-5D7E-3B7F-F4EBE4E8D2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0E36FD1-2088-B63D-95F6-0451DBD711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29</a:t>
            </a:fld>
            <a:endParaRPr lang="en-GB"/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714957B6-D2CD-C102-E4B1-0FD319335EFA}"/>
              </a:ext>
            </a:extLst>
          </p:cNvPr>
          <p:cNvSpPr/>
          <p:nvPr/>
        </p:nvSpPr>
        <p:spPr>
          <a:xfrm>
            <a:off x="6651000" y="3073499"/>
            <a:ext cx="1147500" cy="454500"/>
          </a:xfrm>
          <a:prstGeom prst="ellipse">
            <a:avLst/>
          </a:prstGeom>
          <a:noFill/>
          <a:ln w="28575">
            <a:solidFill>
              <a:schemeClr val="accent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7" name="Ink 6">
                <a:extLst>
                  <a:ext uri="{FF2B5EF4-FFF2-40B4-BE49-F238E27FC236}">
                    <a16:creationId xmlns:a16="http://schemas.microsoft.com/office/drawing/2014/main" id="{092E0AAB-F1CA-1386-F98D-BF720A4EC428}"/>
                  </a:ext>
                </a:extLst>
              </p14:cNvPr>
              <p14:cNvContentPartPr/>
              <p14:nvPr/>
            </p14:nvContentPartPr>
            <p14:xfrm>
              <a:off x="7922030" y="2941980"/>
              <a:ext cx="163800" cy="227880"/>
            </p14:xfrm>
          </p:contentPart>
        </mc:Choice>
        <mc:Fallback xmlns="">
          <p:pic>
            <p:nvPicPr>
              <p:cNvPr id="7" name="Ink 6">
                <a:extLst>
                  <a:ext uri="{FF2B5EF4-FFF2-40B4-BE49-F238E27FC236}">
                    <a16:creationId xmlns:a16="http://schemas.microsoft.com/office/drawing/2014/main" id="{092E0AAB-F1CA-1386-F98D-BF720A4EC428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7911230" y="2931180"/>
                <a:ext cx="185040" cy="2491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13F1EA75-9191-5389-A5FC-685439E28F49}"/>
                  </a:ext>
                </a:extLst>
              </p14:cNvPr>
              <p14:cNvContentPartPr/>
              <p14:nvPr/>
            </p14:nvContentPartPr>
            <p14:xfrm>
              <a:off x="7996190" y="3285780"/>
              <a:ext cx="30960" cy="36720"/>
            </p14:xfrm>
          </p:contentPart>
        </mc:Choice>
        <mc:Fallback xmlns=""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13F1EA75-9191-5389-A5FC-685439E28F49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7985390" y="3274980"/>
                <a:ext cx="52200" cy="5796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420298692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A5CC001-1CBC-D92A-6B25-ECD7BD195F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Syndrome Decoding in the Head (FJR22)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76DE971E-17C6-BA2B-BAD5-8D89FAB81A6F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342900" indent="-342900">
              <a:buChar char="•"/>
            </a:pPr>
            <a:r>
              <a:rPr lang="en-US">
                <a:cs typeface="Calibri"/>
              </a:rPr>
              <a:t>Code-based signature scheme</a:t>
            </a:r>
            <a:endParaRPr lang="en-US"/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Using MPC in the Head (</a:t>
            </a:r>
            <a:r>
              <a:rPr lang="en-US" err="1">
                <a:cs typeface="Calibri"/>
              </a:rPr>
              <a:t>MPCitH</a:t>
            </a:r>
            <a:r>
              <a:rPr lang="en-US">
                <a:cs typeface="Calibri"/>
              </a:rPr>
              <a:t>)</a:t>
            </a:r>
          </a:p>
          <a:p>
            <a:pPr marL="342900" indent="-342900">
              <a:buChar char="•"/>
            </a:pPr>
            <a:endParaRPr lang="en-US">
              <a:cs typeface="Calibri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E64481D-DCF7-BAA3-A58D-7838BF06275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D0DE44-B863-4351-EC01-C01D1ABCCF8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</a:t>
            </a:fld>
            <a:endParaRPr lang="en-GB"/>
          </a:p>
        </p:txBody>
      </p:sp>
      <p:pic>
        <p:nvPicPr>
          <p:cNvPr id="6" name="Picture 5" descr="A table with numbers and letters&#10;&#10;Description automatically generated">
            <a:extLst>
              <a:ext uri="{FF2B5EF4-FFF2-40B4-BE49-F238E27FC236}">
                <a16:creationId xmlns:a16="http://schemas.microsoft.com/office/drawing/2014/main" id="{6C5FC042-DC6E-D15A-4095-68EBB0FAAF8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560805" y="1977815"/>
            <a:ext cx="5128385" cy="3109259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DCA64886-31EC-41DB-2E67-9AC8548FB900}"/>
              </a:ext>
            </a:extLst>
          </p:cNvPr>
          <p:cNvSpPr txBox="1"/>
          <p:nvPr/>
        </p:nvSpPr>
        <p:spPr>
          <a:xfrm>
            <a:off x="257429" y="2775309"/>
            <a:ext cx="2433012" cy="1754326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latin typeface="Calibri"/>
                <a:cs typeface="Calibri"/>
              </a:rPr>
              <a:t>Source:</a:t>
            </a:r>
            <a:br>
              <a:rPr lang="en-US">
                <a:latin typeface="Calibri"/>
                <a:cs typeface="Calibri"/>
              </a:rPr>
            </a:br>
            <a:r>
              <a:rPr lang="en-US" err="1">
                <a:latin typeface="Calibri"/>
                <a:cs typeface="Calibri"/>
              </a:rPr>
              <a:t>Thibauld</a:t>
            </a:r>
            <a:r>
              <a:rPr lang="en-US">
                <a:latin typeface="Calibri"/>
                <a:cs typeface="Calibri"/>
              </a:rPr>
              <a:t> </a:t>
            </a:r>
            <a:r>
              <a:rPr lang="en-US" err="1">
                <a:latin typeface="Calibri"/>
                <a:cs typeface="Calibri"/>
              </a:rPr>
              <a:t>Feneuil</a:t>
            </a:r>
            <a:r>
              <a:rPr lang="en-US">
                <a:latin typeface="Calibri"/>
                <a:cs typeface="Calibri"/>
              </a:rPr>
              <a:t>, Antoine </a:t>
            </a:r>
            <a:r>
              <a:rPr lang="en-US" err="1">
                <a:latin typeface="Calibri"/>
                <a:cs typeface="Calibri"/>
              </a:rPr>
              <a:t>Joux</a:t>
            </a:r>
            <a:r>
              <a:rPr lang="en-US">
                <a:latin typeface="Calibri"/>
                <a:cs typeface="Calibri"/>
              </a:rPr>
              <a:t>, and Matthieu </a:t>
            </a:r>
            <a:r>
              <a:rPr lang="en-US" err="1">
                <a:latin typeface="Calibri"/>
                <a:cs typeface="Calibri"/>
              </a:rPr>
              <a:t>Rivain</a:t>
            </a:r>
            <a:r>
              <a:rPr lang="en-US">
                <a:latin typeface="Calibri"/>
                <a:cs typeface="Calibri"/>
              </a:rPr>
              <a:t>. </a:t>
            </a:r>
            <a:br>
              <a:rPr lang="en-US"/>
            </a:br>
            <a:r>
              <a:rPr lang="en-US" i="1"/>
              <a:t>Syndrome Decoding in the Head: Shorter Signatures from Zero-Knowledge Proofs. </a:t>
            </a:r>
            <a:r>
              <a:rPr lang="en-US"/>
              <a:t>Crypto'22</a:t>
            </a:r>
            <a:endParaRPr lang="en-US" err="1">
              <a:latin typeface="Calibri"/>
              <a:cs typeface="Calibri"/>
            </a:endParaRPr>
          </a:p>
          <a:p>
            <a:endParaRPr lang="en-US">
              <a:cs typeface="Calibri"/>
            </a:endParaRPr>
          </a:p>
        </p:txBody>
      </p:sp>
    </p:spTree>
    <p:extLst>
      <p:ext uri="{BB962C8B-B14F-4D97-AF65-F5344CB8AC3E}">
        <p14:creationId xmlns:p14="http://schemas.microsoft.com/office/powerpoint/2010/main" val="5260476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A772EA-4F2D-5379-1A10-9BAB08BFAA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QROM+ - Phase 1</a:t>
            </a:r>
            <a:endParaRPr lang="en-US"/>
          </a:p>
        </p:txBody>
      </p:sp>
      <p:pic>
        <p:nvPicPr>
          <p:cNvPr id="6" name="Content Placeholder 5" descr="A cartoon character with horns and a pitchfork&#10;&#10;Description automatically generated">
            <a:extLst>
              <a:ext uri="{FF2B5EF4-FFF2-40B4-BE49-F238E27FC236}">
                <a16:creationId xmlns:a16="http://schemas.microsoft.com/office/drawing/2014/main" id="{B7DC92AA-BA37-C41C-3BE8-C52427CF299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919976" y="1387615"/>
            <a:ext cx="1428750" cy="1228725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758795-1B57-C4F2-4BF5-3FE7E70C2C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3506E3-C2BB-0508-1983-9923E2B9D6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0</a:t>
            </a:fld>
            <a:endParaRPr lang="en-GB"/>
          </a:p>
        </p:txBody>
      </p:sp>
      <p:pic>
        <p:nvPicPr>
          <p:cNvPr id="10" name="Picture 9" descr="Delphi oracle oracle at delphi building. - PICRYL - Public Domain Media  Search Engine Public Domain Image">
            <a:extLst>
              <a:ext uri="{FF2B5EF4-FFF2-40B4-BE49-F238E27FC236}">
                <a16:creationId xmlns:a16="http://schemas.microsoft.com/office/drawing/2014/main" id="{6F21DA43-D0A4-5F18-647A-B8AFAC73251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34900" y="1126610"/>
            <a:ext cx="2743199" cy="1666279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11" name="Ink 10">
                <a:extLst>
                  <a:ext uri="{FF2B5EF4-FFF2-40B4-BE49-F238E27FC236}">
                    <a16:creationId xmlns:a16="http://schemas.microsoft.com/office/drawing/2014/main" id="{76C6F4AB-9F47-8E8F-A409-9FA9DC285E7E}"/>
                  </a:ext>
                </a:extLst>
              </p14:cNvPr>
              <p14:cNvContentPartPr/>
              <p14:nvPr/>
            </p14:nvContentPartPr>
            <p14:xfrm>
              <a:off x="2777990" y="2084820"/>
              <a:ext cx="2630520" cy="270000"/>
            </p14:xfrm>
          </p:contentPart>
        </mc:Choice>
        <mc:Fallback xmlns="">
          <p:pic>
            <p:nvPicPr>
              <p:cNvPr id="11" name="Ink 10">
                <a:extLst>
                  <a:ext uri="{FF2B5EF4-FFF2-40B4-BE49-F238E27FC236}">
                    <a16:creationId xmlns:a16="http://schemas.microsoft.com/office/drawing/2014/main" id="{76C6F4AB-9F47-8E8F-A409-9FA9DC285E7E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2767190" y="2074034"/>
                <a:ext cx="2651760" cy="291212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12" name="Ink 11">
                <a:extLst>
                  <a:ext uri="{FF2B5EF4-FFF2-40B4-BE49-F238E27FC236}">
                    <a16:creationId xmlns:a16="http://schemas.microsoft.com/office/drawing/2014/main" id="{731EE90E-C048-761A-0289-071804D81EF2}"/>
                  </a:ext>
                </a:extLst>
              </p14:cNvPr>
              <p14:cNvContentPartPr/>
              <p14:nvPr/>
            </p14:nvContentPartPr>
            <p14:xfrm>
              <a:off x="2619230" y="1671900"/>
              <a:ext cx="2625120" cy="190800"/>
            </p14:xfrm>
          </p:contentPart>
        </mc:Choice>
        <mc:Fallback xmlns="">
          <p:pic>
            <p:nvPicPr>
              <p:cNvPr id="12" name="Ink 11">
                <a:extLst>
                  <a:ext uri="{FF2B5EF4-FFF2-40B4-BE49-F238E27FC236}">
                    <a16:creationId xmlns:a16="http://schemas.microsoft.com/office/drawing/2014/main" id="{731EE90E-C048-761A-0289-071804D81EF2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2608430" y="1661100"/>
                <a:ext cx="2646360" cy="212040"/>
              </a:xfrm>
              <a:prstGeom prst="rect">
                <a:avLst/>
              </a:prstGeom>
            </p:spPr>
          </p:pic>
        </mc:Fallback>
      </mc:AlternateContent>
      <p:sp>
        <p:nvSpPr>
          <p:cNvPr id="13" name="TextBox 12">
            <a:extLst>
              <a:ext uri="{FF2B5EF4-FFF2-40B4-BE49-F238E27FC236}">
                <a16:creationId xmlns:a16="http://schemas.microsoft.com/office/drawing/2014/main" id="{A56F02C8-6ECF-D02E-03DD-C3F2CF815539}"/>
              </a:ext>
            </a:extLst>
          </p:cNvPr>
          <p:cNvSpPr txBox="1"/>
          <p:nvPr/>
        </p:nvSpPr>
        <p:spPr>
          <a:xfrm>
            <a:off x="5800500" y="2965500"/>
            <a:ext cx="2686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Compressed oracle [Zhandry'18]</a:t>
            </a:r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439531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DA772EA-4F2D-5379-1A10-9BAB08BFAAE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QROM+ - Phase 2</a:t>
            </a:r>
            <a:endParaRPr lang="en-US"/>
          </a:p>
        </p:txBody>
      </p:sp>
      <p:pic>
        <p:nvPicPr>
          <p:cNvPr id="6" name="Content Placeholder 5" descr="A cartoon character with horns and a pitchfork&#10;&#10;Description automatically generated">
            <a:extLst>
              <a:ext uri="{FF2B5EF4-FFF2-40B4-BE49-F238E27FC236}">
                <a16:creationId xmlns:a16="http://schemas.microsoft.com/office/drawing/2014/main" id="{B7DC92AA-BA37-C41C-3BE8-C52427CF299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919976" y="1387615"/>
            <a:ext cx="1428750" cy="1228725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7758795-1B57-C4F2-4BF5-3FE7E70C2C3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3506E3-C2BB-0508-1983-9923E2B9D63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1</a:t>
            </a:fld>
            <a:endParaRPr lang="en-GB"/>
          </a:p>
        </p:txBody>
      </p:sp>
      <p:pic>
        <p:nvPicPr>
          <p:cNvPr id="10" name="Picture 9" descr="Delphi oracle oracle at delphi building. - PICRYL - Public Domain Media  Search Engine Public Domain Image">
            <a:extLst>
              <a:ext uri="{FF2B5EF4-FFF2-40B4-BE49-F238E27FC236}">
                <a16:creationId xmlns:a16="http://schemas.microsoft.com/office/drawing/2014/main" id="{6F21DA43-D0A4-5F18-647A-B8AFAC73251E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5634900" y="1126610"/>
            <a:ext cx="2743199" cy="1666279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A56F02C8-6ECF-D02E-03DD-C3F2CF815539}"/>
              </a:ext>
            </a:extLst>
          </p:cNvPr>
          <p:cNvSpPr txBox="1"/>
          <p:nvPr/>
        </p:nvSpPr>
        <p:spPr>
          <a:xfrm>
            <a:off x="5800500" y="2965500"/>
            <a:ext cx="2686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Compressed oracle [Zhandry'18]</a:t>
            </a:r>
            <a:endParaRPr lang="en-US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622AAF7F-E3F4-F839-6D14-FB8F3F5FCF29}"/>
                  </a:ext>
                </a:extLst>
              </p14:cNvPr>
              <p14:cNvContentPartPr/>
              <p14:nvPr/>
            </p14:nvContentPartPr>
            <p14:xfrm>
              <a:off x="2836310" y="1931100"/>
              <a:ext cx="2376000" cy="238320"/>
            </p14:xfrm>
          </p:contentPart>
        </mc:Choice>
        <mc:Fallback xmlns=""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622AAF7F-E3F4-F839-6D14-FB8F3F5FCF29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2825512" y="1920300"/>
                <a:ext cx="2397237" cy="2595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16" name="Ink 15">
                <a:extLst>
                  <a:ext uri="{FF2B5EF4-FFF2-40B4-BE49-F238E27FC236}">
                    <a16:creationId xmlns:a16="http://schemas.microsoft.com/office/drawing/2014/main" id="{23734973-2FA4-9F61-303E-C88A2718E487}"/>
                  </a:ext>
                </a:extLst>
              </p14:cNvPr>
              <p14:cNvContentPartPr/>
              <p14:nvPr/>
            </p14:nvContentPartPr>
            <p14:xfrm>
              <a:off x="4021430" y="1429260"/>
              <a:ext cx="570960" cy="475920"/>
            </p14:xfrm>
          </p:contentPart>
        </mc:Choice>
        <mc:Fallback xmlns="">
          <p:pic>
            <p:nvPicPr>
              <p:cNvPr id="16" name="Ink 15">
                <a:extLst>
                  <a:ext uri="{FF2B5EF4-FFF2-40B4-BE49-F238E27FC236}">
                    <a16:creationId xmlns:a16="http://schemas.microsoft.com/office/drawing/2014/main" id="{23734973-2FA4-9F61-303E-C88A2718E487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4010623" y="1418468"/>
                <a:ext cx="592213" cy="497144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19" name="Ink 18">
                <a:extLst>
                  <a:ext uri="{FF2B5EF4-FFF2-40B4-BE49-F238E27FC236}">
                    <a16:creationId xmlns:a16="http://schemas.microsoft.com/office/drawing/2014/main" id="{A5248788-2866-3681-0D2B-ADBF6CBAC221}"/>
                  </a:ext>
                </a:extLst>
              </p14:cNvPr>
              <p14:cNvContentPartPr/>
              <p14:nvPr/>
            </p14:nvContentPartPr>
            <p14:xfrm>
              <a:off x="1640390" y="2724900"/>
              <a:ext cx="132480" cy="466200"/>
            </p14:xfrm>
          </p:contentPart>
        </mc:Choice>
        <mc:Fallback xmlns="">
          <p:pic>
            <p:nvPicPr>
              <p:cNvPr id="19" name="Ink 18">
                <a:extLst>
                  <a:ext uri="{FF2B5EF4-FFF2-40B4-BE49-F238E27FC236}">
                    <a16:creationId xmlns:a16="http://schemas.microsoft.com/office/drawing/2014/main" id="{A5248788-2866-3681-0D2B-ADBF6CBAC221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1629619" y="2714092"/>
                <a:ext cx="153662" cy="487456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22" name="Ink 21">
                <a:extLst>
                  <a:ext uri="{FF2B5EF4-FFF2-40B4-BE49-F238E27FC236}">
                    <a16:creationId xmlns:a16="http://schemas.microsoft.com/office/drawing/2014/main" id="{19E54E88-5A98-B6A4-CE1F-68C03D76B493}"/>
                  </a:ext>
                </a:extLst>
              </p14:cNvPr>
              <p14:cNvContentPartPr/>
              <p14:nvPr/>
            </p14:nvContentPartPr>
            <p14:xfrm>
              <a:off x="1592510" y="3359940"/>
              <a:ext cx="100800" cy="164520"/>
            </p14:xfrm>
          </p:contentPart>
        </mc:Choice>
        <mc:Fallback xmlns="">
          <p:pic>
            <p:nvPicPr>
              <p:cNvPr id="22" name="Ink 21">
                <a:extLst>
                  <a:ext uri="{FF2B5EF4-FFF2-40B4-BE49-F238E27FC236}">
                    <a16:creationId xmlns:a16="http://schemas.microsoft.com/office/drawing/2014/main" id="{19E54E88-5A98-B6A4-CE1F-68C03D76B493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1581710" y="3349116"/>
                <a:ext cx="122040" cy="185807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30883562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57BE0F0-424C-2B95-18D8-EBDEDB13600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Why do we need a QROM+?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0523437-4176-6A65-8D7D-A9A3507FA33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ctr">
            <a:noAutofit/>
          </a:bodyPr>
          <a:lstStyle/>
          <a:p>
            <a:pPr marL="342900" indent="-342900">
              <a:buChar char="•"/>
            </a:pPr>
            <a:r>
              <a:rPr lang="en-US">
                <a:cs typeface="Calibri"/>
              </a:rPr>
              <a:t>We build algorithm R for oracle search problem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R runs A against soundness of IDS</a:t>
            </a:r>
            <a:endParaRPr lang="en-US"/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A solves search problems (reflected in queries)</a:t>
            </a:r>
          </a:p>
          <a:p>
            <a:pPr marL="342900" indent="-342900">
              <a:buChar char="•"/>
            </a:pPr>
            <a:r>
              <a:rPr lang="en-US" u="sng">
                <a:cs typeface="Calibri"/>
              </a:rPr>
              <a:t>A's QROM queries cannot be seen by R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E7901E99-CE95-F945-DBF7-39D03D5A7D2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2A3614E3-09BC-6EC1-0B1E-0F5E0035AAF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2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5618062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563C87A-3523-24DE-9AC2-36702E44B77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Why is this unproblematic?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6261B7C-B775-F038-9B2C-2F1EC4A7EE6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ctr">
            <a:noAutofit/>
          </a:bodyPr>
          <a:lstStyle/>
          <a:p>
            <a:r>
              <a:rPr lang="en-US">
                <a:cs typeface="Calibri"/>
              </a:rPr>
              <a:t>Search problems are not easier in QROM+!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R as a whole (including A) has the knowledge</a:t>
            </a:r>
            <a:endParaRPr lang="en-US"/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It's as if R is oblivious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Measurement does not give any new information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FD25A55-7E98-5D36-6AEF-78A823AC37C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360B262-BA45-66F5-2174-250E4190A13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3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0518824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A3DB945-7573-0AD1-D1AA-371065545E2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UF-NMA</a:t>
            </a:r>
            <a:endParaRPr lang="en-US"/>
          </a:p>
        </p:txBody>
      </p:sp>
      <p:pic>
        <p:nvPicPr>
          <p:cNvPr id="6" name="Content Placeholder 5" descr="A math equations and formulas on a white background&#10;&#10;Description automatically generated">
            <a:extLst>
              <a:ext uri="{FF2B5EF4-FFF2-40B4-BE49-F238E27FC236}">
                <a16:creationId xmlns:a16="http://schemas.microsoft.com/office/drawing/2014/main" id="{242DB1B3-9BAE-E4A2-0043-78FFB9485F15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58824" y="1691875"/>
            <a:ext cx="7556501" cy="2151991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D328682-21C1-DD78-83FB-EDD6E2D777A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178CE04-C52D-320A-DC09-B41E1E25F16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4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8" name="Ink 7">
                <a:extLst>
                  <a:ext uri="{FF2B5EF4-FFF2-40B4-BE49-F238E27FC236}">
                    <a16:creationId xmlns:a16="http://schemas.microsoft.com/office/drawing/2014/main" id="{296E9B74-9288-A753-0389-83BFD3023F86}"/>
                  </a:ext>
                </a:extLst>
              </p14:cNvPr>
              <p14:cNvContentPartPr/>
              <p14:nvPr/>
            </p14:nvContentPartPr>
            <p14:xfrm>
              <a:off x="2682417" y="1567315"/>
              <a:ext cx="156600" cy="807840"/>
            </p14:xfrm>
          </p:contentPart>
        </mc:Choice>
        <mc:Fallback xmlns="">
          <p:pic>
            <p:nvPicPr>
              <p:cNvPr id="8" name="Ink 7">
                <a:extLst>
                  <a:ext uri="{FF2B5EF4-FFF2-40B4-BE49-F238E27FC236}">
                    <a16:creationId xmlns:a16="http://schemas.microsoft.com/office/drawing/2014/main" id="{296E9B74-9288-A753-0389-83BFD3023F86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2671617" y="1556510"/>
                <a:ext cx="177840" cy="82908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29" name="Ink 28">
                <a:extLst>
                  <a:ext uri="{FF2B5EF4-FFF2-40B4-BE49-F238E27FC236}">
                    <a16:creationId xmlns:a16="http://schemas.microsoft.com/office/drawing/2014/main" id="{710979D4-734E-A499-2ECC-A8B37ECF350B}"/>
                  </a:ext>
                </a:extLst>
              </p14:cNvPr>
              <p14:cNvContentPartPr/>
              <p14:nvPr/>
            </p14:nvContentPartPr>
            <p14:xfrm>
              <a:off x="2281017" y="1345915"/>
              <a:ext cx="605880" cy="290880"/>
            </p14:xfrm>
          </p:contentPart>
        </mc:Choice>
        <mc:Fallback xmlns="">
          <p:pic>
            <p:nvPicPr>
              <p:cNvPr id="29" name="Ink 28">
                <a:extLst>
                  <a:ext uri="{FF2B5EF4-FFF2-40B4-BE49-F238E27FC236}">
                    <a16:creationId xmlns:a16="http://schemas.microsoft.com/office/drawing/2014/main" id="{710979D4-734E-A499-2ECC-A8B37ECF350B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2270223" y="1335115"/>
                <a:ext cx="627107" cy="3121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40" name="Ink 39">
                <a:extLst>
                  <a:ext uri="{FF2B5EF4-FFF2-40B4-BE49-F238E27FC236}">
                    <a16:creationId xmlns:a16="http://schemas.microsoft.com/office/drawing/2014/main" id="{B510818D-FFAF-6239-6D24-29B0D407E3B0}"/>
                  </a:ext>
                </a:extLst>
              </p14:cNvPr>
              <p14:cNvContentPartPr/>
              <p14:nvPr/>
            </p14:nvContentPartPr>
            <p14:xfrm>
              <a:off x="2873937" y="1355635"/>
              <a:ext cx="657360" cy="306360"/>
            </p14:xfrm>
          </p:contentPart>
        </mc:Choice>
        <mc:Fallback xmlns="">
          <p:pic>
            <p:nvPicPr>
              <p:cNvPr id="40" name="Ink 39">
                <a:extLst>
                  <a:ext uri="{FF2B5EF4-FFF2-40B4-BE49-F238E27FC236}">
                    <a16:creationId xmlns:a16="http://schemas.microsoft.com/office/drawing/2014/main" id="{B510818D-FFAF-6239-6D24-29B0D407E3B0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2863137" y="1344848"/>
                <a:ext cx="678600" cy="32757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43" name="Ink 42">
                <a:extLst>
                  <a:ext uri="{FF2B5EF4-FFF2-40B4-BE49-F238E27FC236}">
                    <a16:creationId xmlns:a16="http://schemas.microsoft.com/office/drawing/2014/main" id="{9D8972A8-728C-E4EC-0EDD-441C287710AE}"/>
                  </a:ext>
                </a:extLst>
              </p14:cNvPr>
              <p14:cNvContentPartPr/>
              <p14:nvPr/>
            </p14:nvContentPartPr>
            <p14:xfrm>
              <a:off x="3263097" y="2538955"/>
              <a:ext cx="2412000" cy="1410120"/>
            </p14:xfrm>
          </p:contentPart>
        </mc:Choice>
        <mc:Fallback xmlns="">
          <p:pic>
            <p:nvPicPr>
              <p:cNvPr id="43" name="Ink 42">
                <a:extLst>
                  <a:ext uri="{FF2B5EF4-FFF2-40B4-BE49-F238E27FC236}">
                    <a16:creationId xmlns:a16="http://schemas.microsoft.com/office/drawing/2014/main" id="{9D8972A8-728C-E4EC-0EDD-441C287710AE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3252297" y="2528158"/>
                <a:ext cx="2433240" cy="143135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">
            <p14:nvContentPartPr>
              <p14:cNvPr id="77" name="Ink 76">
                <a:extLst>
                  <a:ext uri="{FF2B5EF4-FFF2-40B4-BE49-F238E27FC236}">
                    <a16:creationId xmlns:a16="http://schemas.microsoft.com/office/drawing/2014/main" id="{B7FF7E36-C74D-BEA2-FDDE-71A229A5D551}"/>
                  </a:ext>
                </a:extLst>
              </p14:cNvPr>
              <p14:cNvContentPartPr/>
              <p14:nvPr/>
            </p14:nvContentPartPr>
            <p14:xfrm>
              <a:off x="5913619" y="1489320"/>
              <a:ext cx="1049760" cy="845640"/>
            </p14:xfrm>
          </p:contentPart>
        </mc:Choice>
        <mc:Fallback xmlns="">
          <p:pic>
            <p:nvPicPr>
              <p:cNvPr id="77" name="Ink 76">
                <a:extLst>
                  <a:ext uri="{FF2B5EF4-FFF2-40B4-BE49-F238E27FC236}">
                    <a16:creationId xmlns:a16="http://schemas.microsoft.com/office/drawing/2014/main" id="{B7FF7E36-C74D-BEA2-FDDE-71A229A5D551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5902819" y="1478520"/>
                <a:ext cx="1071000" cy="866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">
            <p14:nvContentPartPr>
              <p14:cNvPr id="81" name="Ink 80">
                <a:extLst>
                  <a:ext uri="{FF2B5EF4-FFF2-40B4-BE49-F238E27FC236}">
                    <a16:creationId xmlns:a16="http://schemas.microsoft.com/office/drawing/2014/main" id="{546D79E4-2D64-8C2A-DDE3-12FC4D172EF9}"/>
                  </a:ext>
                </a:extLst>
              </p14:cNvPr>
              <p14:cNvContentPartPr/>
              <p14:nvPr/>
            </p14:nvContentPartPr>
            <p14:xfrm>
              <a:off x="6733339" y="1262880"/>
              <a:ext cx="204480" cy="204480"/>
            </p14:xfrm>
          </p:contentPart>
        </mc:Choice>
        <mc:Fallback xmlns="">
          <p:pic>
            <p:nvPicPr>
              <p:cNvPr id="81" name="Ink 80">
                <a:extLst>
                  <a:ext uri="{FF2B5EF4-FFF2-40B4-BE49-F238E27FC236}">
                    <a16:creationId xmlns:a16="http://schemas.microsoft.com/office/drawing/2014/main" id="{546D79E4-2D64-8C2A-DDE3-12FC4D172EF9}"/>
                  </a:ext>
                </a:extLst>
              </p:cNvPr>
              <p:cNvPicPr/>
              <p:nvPr/>
            </p:nvPicPr>
            <p:blipFill>
              <a:blip r:embed="rId14"/>
              <a:stretch>
                <a:fillRect/>
              </a:stretch>
            </p:blipFill>
            <p:spPr>
              <a:xfrm>
                <a:off x="6722539" y="1252080"/>
                <a:ext cx="225720" cy="2257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5">
            <p14:nvContentPartPr>
              <p14:cNvPr id="92" name="Ink 91">
                <a:extLst>
                  <a:ext uri="{FF2B5EF4-FFF2-40B4-BE49-F238E27FC236}">
                    <a16:creationId xmlns:a16="http://schemas.microsoft.com/office/drawing/2014/main" id="{30D778EB-0840-2D3D-2429-CE7F6D72E1C2}"/>
                  </a:ext>
                </a:extLst>
              </p14:cNvPr>
              <p14:cNvContentPartPr/>
              <p14:nvPr/>
            </p14:nvContentPartPr>
            <p14:xfrm>
              <a:off x="6998299" y="1161000"/>
              <a:ext cx="950760" cy="249120"/>
            </p14:xfrm>
          </p:contentPart>
        </mc:Choice>
        <mc:Fallback xmlns="">
          <p:pic>
            <p:nvPicPr>
              <p:cNvPr id="92" name="Ink 91">
                <a:extLst>
                  <a:ext uri="{FF2B5EF4-FFF2-40B4-BE49-F238E27FC236}">
                    <a16:creationId xmlns:a16="http://schemas.microsoft.com/office/drawing/2014/main" id="{30D778EB-0840-2D3D-2429-CE7F6D72E1C2}"/>
                  </a:ext>
                </a:extLst>
              </p:cNvPr>
              <p:cNvPicPr/>
              <p:nvPr/>
            </p:nvPicPr>
            <p:blipFill>
              <a:blip r:embed="rId16"/>
              <a:stretch>
                <a:fillRect/>
              </a:stretch>
            </p:blipFill>
            <p:spPr>
              <a:xfrm>
                <a:off x="6987503" y="1150200"/>
                <a:ext cx="971992" cy="270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7">
            <p14:nvContentPartPr>
              <p14:cNvPr id="131" name="Ink 130">
                <a:extLst>
                  <a:ext uri="{FF2B5EF4-FFF2-40B4-BE49-F238E27FC236}">
                    <a16:creationId xmlns:a16="http://schemas.microsoft.com/office/drawing/2014/main" id="{48A3F7F7-E1F5-54E2-476E-33EEFFBBD10B}"/>
                  </a:ext>
                </a:extLst>
              </p14:cNvPr>
              <p14:cNvContentPartPr/>
              <p14:nvPr/>
            </p14:nvContentPartPr>
            <p14:xfrm>
              <a:off x="4517827" y="4011007"/>
              <a:ext cx="693000" cy="181440"/>
            </p14:xfrm>
          </p:contentPart>
        </mc:Choice>
        <mc:Fallback xmlns="">
          <p:pic>
            <p:nvPicPr>
              <p:cNvPr id="131" name="Ink 130">
                <a:extLst>
                  <a:ext uri="{FF2B5EF4-FFF2-40B4-BE49-F238E27FC236}">
                    <a16:creationId xmlns:a16="http://schemas.microsoft.com/office/drawing/2014/main" id="{48A3F7F7-E1F5-54E2-476E-33EEFFBBD10B}"/>
                  </a:ext>
                </a:extLst>
              </p:cNvPr>
              <p:cNvPicPr/>
              <p:nvPr/>
            </p:nvPicPr>
            <p:blipFill>
              <a:blip r:embed="rId18"/>
              <a:stretch>
                <a:fillRect/>
              </a:stretch>
            </p:blipFill>
            <p:spPr>
              <a:xfrm>
                <a:off x="4507027" y="4000207"/>
                <a:ext cx="714240" cy="2026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9">
            <p14:nvContentPartPr>
              <p14:cNvPr id="132" name="Ink 131">
                <a:extLst>
                  <a:ext uri="{FF2B5EF4-FFF2-40B4-BE49-F238E27FC236}">
                    <a16:creationId xmlns:a16="http://schemas.microsoft.com/office/drawing/2014/main" id="{696EE0AA-FFCE-8699-0BE2-3079935CC597}"/>
                  </a:ext>
                </a:extLst>
              </p14:cNvPr>
              <p14:cNvContentPartPr/>
              <p14:nvPr/>
            </p14:nvContentPartPr>
            <p14:xfrm>
              <a:off x="3953347" y="3983287"/>
              <a:ext cx="430920" cy="218160"/>
            </p14:xfrm>
          </p:contentPart>
        </mc:Choice>
        <mc:Fallback xmlns="">
          <p:pic>
            <p:nvPicPr>
              <p:cNvPr id="132" name="Ink 131">
                <a:extLst>
                  <a:ext uri="{FF2B5EF4-FFF2-40B4-BE49-F238E27FC236}">
                    <a16:creationId xmlns:a16="http://schemas.microsoft.com/office/drawing/2014/main" id="{696EE0AA-FFCE-8699-0BE2-3079935CC597}"/>
                  </a:ext>
                </a:extLst>
              </p:cNvPr>
              <p:cNvPicPr/>
              <p:nvPr/>
            </p:nvPicPr>
            <p:blipFill>
              <a:blip r:embed="rId20"/>
              <a:stretch>
                <a:fillRect/>
              </a:stretch>
            </p:blipFill>
            <p:spPr>
              <a:xfrm>
                <a:off x="3942547" y="3972487"/>
                <a:ext cx="452160" cy="239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1">
            <p14:nvContentPartPr>
              <p14:cNvPr id="133" name="Ink 132">
                <a:extLst>
                  <a:ext uri="{FF2B5EF4-FFF2-40B4-BE49-F238E27FC236}">
                    <a16:creationId xmlns:a16="http://schemas.microsoft.com/office/drawing/2014/main" id="{499A8B55-EC85-87DF-D69A-F6E0D9C26651}"/>
                  </a:ext>
                </a:extLst>
              </p14:cNvPr>
              <p14:cNvContentPartPr/>
              <p14:nvPr/>
            </p14:nvContentPartPr>
            <p14:xfrm>
              <a:off x="5344027" y="4094527"/>
              <a:ext cx="43200" cy="90360"/>
            </p14:xfrm>
          </p:contentPart>
        </mc:Choice>
        <mc:Fallback xmlns="">
          <p:pic>
            <p:nvPicPr>
              <p:cNvPr id="133" name="Ink 132">
                <a:extLst>
                  <a:ext uri="{FF2B5EF4-FFF2-40B4-BE49-F238E27FC236}">
                    <a16:creationId xmlns:a16="http://schemas.microsoft.com/office/drawing/2014/main" id="{499A8B55-EC85-87DF-D69A-F6E0D9C26651}"/>
                  </a:ext>
                </a:extLst>
              </p:cNvPr>
              <p:cNvPicPr/>
              <p:nvPr/>
            </p:nvPicPr>
            <p:blipFill>
              <a:blip r:embed="rId22"/>
              <a:stretch>
                <a:fillRect/>
              </a:stretch>
            </p:blipFill>
            <p:spPr>
              <a:xfrm>
                <a:off x="5333227" y="4083727"/>
                <a:ext cx="64440" cy="111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3">
            <p14:nvContentPartPr>
              <p14:cNvPr id="147" name="Ink 146">
                <a:extLst>
                  <a:ext uri="{FF2B5EF4-FFF2-40B4-BE49-F238E27FC236}">
                    <a16:creationId xmlns:a16="http://schemas.microsoft.com/office/drawing/2014/main" id="{E82FCDB0-4F79-70EF-7F2C-8F2C7E329E72}"/>
                  </a:ext>
                </a:extLst>
              </p14:cNvPr>
              <p14:cNvContentPartPr/>
              <p14:nvPr/>
            </p14:nvContentPartPr>
            <p14:xfrm>
              <a:off x="4084027" y="4235287"/>
              <a:ext cx="993240" cy="176760"/>
            </p14:xfrm>
          </p:contentPart>
        </mc:Choice>
        <mc:Fallback xmlns="">
          <p:pic>
            <p:nvPicPr>
              <p:cNvPr id="147" name="Ink 146">
                <a:extLst>
                  <a:ext uri="{FF2B5EF4-FFF2-40B4-BE49-F238E27FC236}">
                    <a16:creationId xmlns:a16="http://schemas.microsoft.com/office/drawing/2014/main" id="{E82FCDB0-4F79-70EF-7F2C-8F2C7E329E72}"/>
                  </a:ext>
                </a:extLst>
              </p:cNvPr>
              <p:cNvPicPr/>
              <p:nvPr/>
            </p:nvPicPr>
            <p:blipFill>
              <a:blip r:embed="rId24"/>
              <a:stretch>
                <a:fillRect/>
              </a:stretch>
            </p:blipFill>
            <p:spPr>
              <a:xfrm>
                <a:off x="4073227" y="4224487"/>
                <a:ext cx="1014480" cy="19800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3848881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C53935-5FBB-6059-67B2-66EA201AD5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UF-CMA</a:t>
            </a:r>
            <a:endParaRPr lang="en-US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740DC52F-E95A-F48F-0E65-72D3E7154ED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120073" y="1306642"/>
            <a:ext cx="6834003" cy="2922458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AB7123D-EB5C-9BA7-38AA-52CD2D818A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499100E-B73B-7EF9-2115-3143C6FF8B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5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19" name="Ink 18">
                <a:extLst>
                  <a:ext uri="{FF2B5EF4-FFF2-40B4-BE49-F238E27FC236}">
                    <a16:creationId xmlns:a16="http://schemas.microsoft.com/office/drawing/2014/main" id="{FE30FCA4-F05A-90AB-ECC6-1F52C3C69975}"/>
                  </a:ext>
                </a:extLst>
              </p14:cNvPr>
              <p14:cNvContentPartPr/>
              <p14:nvPr/>
            </p14:nvContentPartPr>
            <p14:xfrm>
              <a:off x="7332385" y="2039176"/>
              <a:ext cx="1005840" cy="369000"/>
            </p14:xfrm>
          </p:contentPart>
        </mc:Choice>
        <mc:Fallback xmlns="">
          <p:pic>
            <p:nvPicPr>
              <p:cNvPr id="19" name="Ink 18">
                <a:extLst>
                  <a:ext uri="{FF2B5EF4-FFF2-40B4-BE49-F238E27FC236}">
                    <a16:creationId xmlns:a16="http://schemas.microsoft.com/office/drawing/2014/main" id="{FE30FCA4-F05A-90AB-ECC6-1F52C3C69975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7321585" y="2028376"/>
                <a:ext cx="1027080" cy="390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22" name="Ink 21">
                <a:extLst>
                  <a:ext uri="{FF2B5EF4-FFF2-40B4-BE49-F238E27FC236}">
                    <a16:creationId xmlns:a16="http://schemas.microsoft.com/office/drawing/2014/main" id="{C6D8B712-C48E-D46C-14BA-FA23A5239931}"/>
                  </a:ext>
                </a:extLst>
              </p14:cNvPr>
              <p14:cNvContentPartPr/>
              <p14:nvPr/>
            </p14:nvContentPartPr>
            <p14:xfrm>
              <a:off x="5386945" y="2882296"/>
              <a:ext cx="1452600" cy="1502280"/>
            </p14:xfrm>
          </p:contentPart>
        </mc:Choice>
        <mc:Fallback xmlns="">
          <p:pic>
            <p:nvPicPr>
              <p:cNvPr id="22" name="Ink 21">
                <a:extLst>
                  <a:ext uri="{FF2B5EF4-FFF2-40B4-BE49-F238E27FC236}">
                    <a16:creationId xmlns:a16="http://schemas.microsoft.com/office/drawing/2014/main" id="{C6D8B712-C48E-D46C-14BA-FA23A5239931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5376145" y="2871499"/>
                <a:ext cx="1473840" cy="152351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37" name="Ink 36">
                <a:extLst>
                  <a:ext uri="{FF2B5EF4-FFF2-40B4-BE49-F238E27FC236}">
                    <a16:creationId xmlns:a16="http://schemas.microsoft.com/office/drawing/2014/main" id="{CF280CF2-E175-CD79-C659-5D4F5EB1770D}"/>
                  </a:ext>
                </a:extLst>
              </p14:cNvPr>
              <p14:cNvContentPartPr/>
              <p14:nvPr/>
            </p14:nvContentPartPr>
            <p14:xfrm>
              <a:off x="6407905" y="4262536"/>
              <a:ext cx="1283760" cy="279720"/>
            </p14:xfrm>
          </p:contentPart>
        </mc:Choice>
        <mc:Fallback xmlns="">
          <p:pic>
            <p:nvPicPr>
              <p:cNvPr id="37" name="Ink 36">
                <a:extLst>
                  <a:ext uri="{FF2B5EF4-FFF2-40B4-BE49-F238E27FC236}">
                    <a16:creationId xmlns:a16="http://schemas.microsoft.com/office/drawing/2014/main" id="{CF280CF2-E175-CD79-C659-5D4F5EB1770D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6397105" y="4251736"/>
                <a:ext cx="1305000" cy="300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40" name="Ink 39">
                <a:extLst>
                  <a:ext uri="{FF2B5EF4-FFF2-40B4-BE49-F238E27FC236}">
                    <a16:creationId xmlns:a16="http://schemas.microsoft.com/office/drawing/2014/main" id="{DB632F55-C7AE-B64B-3FD6-12B882F37BBF}"/>
                  </a:ext>
                </a:extLst>
              </p14:cNvPr>
              <p14:cNvContentPartPr/>
              <p14:nvPr/>
            </p14:nvContentPartPr>
            <p14:xfrm>
              <a:off x="1917305" y="1070968"/>
              <a:ext cx="3282480" cy="1539720"/>
            </p14:xfrm>
          </p:contentPart>
        </mc:Choice>
        <mc:Fallback xmlns="">
          <p:pic>
            <p:nvPicPr>
              <p:cNvPr id="40" name="Ink 39">
                <a:extLst>
                  <a:ext uri="{FF2B5EF4-FFF2-40B4-BE49-F238E27FC236}">
                    <a16:creationId xmlns:a16="http://schemas.microsoft.com/office/drawing/2014/main" id="{DB632F55-C7AE-B64B-3FD6-12B882F37BBF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1906506" y="1060168"/>
                <a:ext cx="3303718" cy="1560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">
            <p14:nvContentPartPr>
              <p14:cNvPr id="48" name="Ink 47">
                <a:extLst>
                  <a:ext uri="{FF2B5EF4-FFF2-40B4-BE49-F238E27FC236}">
                    <a16:creationId xmlns:a16="http://schemas.microsoft.com/office/drawing/2014/main" id="{7D817ED3-D766-DA8B-FD26-A03386494AA4}"/>
                  </a:ext>
                </a:extLst>
              </p14:cNvPr>
              <p14:cNvContentPartPr/>
              <p14:nvPr/>
            </p14:nvContentPartPr>
            <p14:xfrm>
              <a:off x="4799825" y="924448"/>
              <a:ext cx="527760" cy="203040"/>
            </p14:xfrm>
          </p:contentPart>
        </mc:Choice>
        <mc:Fallback xmlns="">
          <p:pic>
            <p:nvPicPr>
              <p:cNvPr id="48" name="Ink 47">
                <a:extLst>
                  <a:ext uri="{FF2B5EF4-FFF2-40B4-BE49-F238E27FC236}">
                    <a16:creationId xmlns:a16="http://schemas.microsoft.com/office/drawing/2014/main" id="{7D817ED3-D766-DA8B-FD26-A03386494AA4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4789032" y="913648"/>
                <a:ext cx="548986" cy="22428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182114758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C53935-5FBB-6059-67B2-66EA201AD5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UF-CMA</a:t>
            </a:r>
            <a:endParaRPr lang="en-US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740DC52F-E95A-F48F-0E65-72D3E7154ED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120073" y="1306642"/>
            <a:ext cx="6834003" cy="2922458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AB7123D-EB5C-9BA7-38AA-52CD2D818A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499100E-B73B-7EF9-2115-3143C6FF8B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6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19" name="Ink 18">
                <a:extLst>
                  <a:ext uri="{FF2B5EF4-FFF2-40B4-BE49-F238E27FC236}">
                    <a16:creationId xmlns:a16="http://schemas.microsoft.com/office/drawing/2014/main" id="{FE30FCA4-F05A-90AB-ECC6-1F52C3C69975}"/>
                  </a:ext>
                </a:extLst>
              </p14:cNvPr>
              <p14:cNvContentPartPr/>
              <p14:nvPr/>
            </p14:nvContentPartPr>
            <p14:xfrm>
              <a:off x="7332385" y="2039176"/>
              <a:ext cx="1005840" cy="369000"/>
            </p14:xfrm>
          </p:contentPart>
        </mc:Choice>
        <mc:Fallback xmlns="">
          <p:pic>
            <p:nvPicPr>
              <p:cNvPr id="19" name="Ink 18">
                <a:extLst>
                  <a:ext uri="{FF2B5EF4-FFF2-40B4-BE49-F238E27FC236}">
                    <a16:creationId xmlns:a16="http://schemas.microsoft.com/office/drawing/2014/main" id="{FE30FCA4-F05A-90AB-ECC6-1F52C3C69975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7321585" y="2028376"/>
                <a:ext cx="1027080" cy="390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">
            <p14:nvContentPartPr>
              <p14:cNvPr id="22" name="Ink 21">
                <a:extLst>
                  <a:ext uri="{FF2B5EF4-FFF2-40B4-BE49-F238E27FC236}">
                    <a16:creationId xmlns:a16="http://schemas.microsoft.com/office/drawing/2014/main" id="{C6D8B712-C48E-D46C-14BA-FA23A5239931}"/>
                  </a:ext>
                </a:extLst>
              </p14:cNvPr>
              <p14:cNvContentPartPr/>
              <p14:nvPr/>
            </p14:nvContentPartPr>
            <p14:xfrm>
              <a:off x="5386945" y="2882296"/>
              <a:ext cx="1452600" cy="1502280"/>
            </p14:xfrm>
          </p:contentPart>
        </mc:Choice>
        <mc:Fallback xmlns="">
          <p:pic>
            <p:nvPicPr>
              <p:cNvPr id="22" name="Ink 21">
                <a:extLst>
                  <a:ext uri="{FF2B5EF4-FFF2-40B4-BE49-F238E27FC236}">
                    <a16:creationId xmlns:a16="http://schemas.microsoft.com/office/drawing/2014/main" id="{C6D8B712-C48E-D46C-14BA-FA23A5239931}"/>
                  </a:ext>
                </a:extLst>
              </p:cNvPr>
              <p:cNvPicPr/>
              <p:nvPr/>
            </p:nvPicPr>
            <p:blipFill>
              <a:blip r:embed="rId6"/>
              <a:stretch>
                <a:fillRect/>
              </a:stretch>
            </p:blipFill>
            <p:spPr>
              <a:xfrm>
                <a:off x="5376145" y="2871499"/>
                <a:ext cx="1473840" cy="152351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">
            <p14:nvContentPartPr>
              <p14:cNvPr id="37" name="Ink 36">
                <a:extLst>
                  <a:ext uri="{FF2B5EF4-FFF2-40B4-BE49-F238E27FC236}">
                    <a16:creationId xmlns:a16="http://schemas.microsoft.com/office/drawing/2014/main" id="{CF280CF2-E175-CD79-C659-5D4F5EB1770D}"/>
                  </a:ext>
                </a:extLst>
              </p14:cNvPr>
              <p14:cNvContentPartPr/>
              <p14:nvPr/>
            </p14:nvContentPartPr>
            <p14:xfrm>
              <a:off x="6407905" y="4262536"/>
              <a:ext cx="1283760" cy="279720"/>
            </p14:xfrm>
          </p:contentPart>
        </mc:Choice>
        <mc:Fallback xmlns="">
          <p:pic>
            <p:nvPicPr>
              <p:cNvPr id="37" name="Ink 36">
                <a:extLst>
                  <a:ext uri="{FF2B5EF4-FFF2-40B4-BE49-F238E27FC236}">
                    <a16:creationId xmlns:a16="http://schemas.microsoft.com/office/drawing/2014/main" id="{CF280CF2-E175-CD79-C659-5D4F5EB1770D}"/>
                  </a:ext>
                </a:extLst>
              </p:cNvPr>
              <p:cNvPicPr/>
              <p:nvPr/>
            </p:nvPicPr>
            <p:blipFill>
              <a:blip r:embed="rId8"/>
              <a:stretch>
                <a:fillRect/>
              </a:stretch>
            </p:blipFill>
            <p:spPr>
              <a:xfrm>
                <a:off x="6397105" y="4251736"/>
                <a:ext cx="1305000" cy="300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9">
            <p14:nvContentPartPr>
              <p14:cNvPr id="40" name="Ink 39">
                <a:extLst>
                  <a:ext uri="{FF2B5EF4-FFF2-40B4-BE49-F238E27FC236}">
                    <a16:creationId xmlns:a16="http://schemas.microsoft.com/office/drawing/2014/main" id="{DB632F55-C7AE-B64B-3FD6-12B882F37BBF}"/>
                  </a:ext>
                </a:extLst>
              </p14:cNvPr>
              <p14:cNvContentPartPr/>
              <p14:nvPr/>
            </p14:nvContentPartPr>
            <p14:xfrm>
              <a:off x="1917305" y="1070968"/>
              <a:ext cx="3282480" cy="1539720"/>
            </p14:xfrm>
          </p:contentPart>
        </mc:Choice>
        <mc:Fallback xmlns="">
          <p:pic>
            <p:nvPicPr>
              <p:cNvPr id="40" name="Ink 39">
                <a:extLst>
                  <a:ext uri="{FF2B5EF4-FFF2-40B4-BE49-F238E27FC236}">
                    <a16:creationId xmlns:a16="http://schemas.microsoft.com/office/drawing/2014/main" id="{DB632F55-C7AE-B64B-3FD6-12B882F37BBF}"/>
                  </a:ext>
                </a:extLst>
              </p:cNvPr>
              <p:cNvPicPr/>
              <p:nvPr/>
            </p:nvPicPr>
            <p:blipFill>
              <a:blip r:embed="rId10"/>
              <a:stretch>
                <a:fillRect/>
              </a:stretch>
            </p:blipFill>
            <p:spPr>
              <a:xfrm>
                <a:off x="1906506" y="1060168"/>
                <a:ext cx="3303718" cy="1560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1">
            <p14:nvContentPartPr>
              <p14:cNvPr id="48" name="Ink 47">
                <a:extLst>
                  <a:ext uri="{FF2B5EF4-FFF2-40B4-BE49-F238E27FC236}">
                    <a16:creationId xmlns:a16="http://schemas.microsoft.com/office/drawing/2014/main" id="{7D817ED3-D766-DA8B-FD26-A03386494AA4}"/>
                  </a:ext>
                </a:extLst>
              </p14:cNvPr>
              <p14:cNvContentPartPr/>
              <p14:nvPr/>
            </p14:nvContentPartPr>
            <p14:xfrm>
              <a:off x="4799825" y="924448"/>
              <a:ext cx="527760" cy="203040"/>
            </p14:xfrm>
          </p:contentPart>
        </mc:Choice>
        <mc:Fallback xmlns="">
          <p:pic>
            <p:nvPicPr>
              <p:cNvPr id="48" name="Ink 47">
                <a:extLst>
                  <a:ext uri="{FF2B5EF4-FFF2-40B4-BE49-F238E27FC236}">
                    <a16:creationId xmlns:a16="http://schemas.microsoft.com/office/drawing/2014/main" id="{7D817ED3-D766-DA8B-FD26-A03386494AA4}"/>
                  </a:ext>
                </a:extLst>
              </p:cNvPr>
              <p:cNvPicPr/>
              <p:nvPr/>
            </p:nvPicPr>
            <p:blipFill>
              <a:blip r:embed="rId12"/>
              <a:stretch>
                <a:fillRect/>
              </a:stretch>
            </p:blipFill>
            <p:spPr>
              <a:xfrm>
                <a:off x="4789032" y="913648"/>
                <a:ext cx="548986" cy="224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3">
            <p14:nvContentPartPr>
              <p14:cNvPr id="68" name="Ink 67">
                <a:extLst>
                  <a:ext uri="{FF2B5EF4-FFF2-40B4-BE49-F238E27FC236}">
                    <a16:creationId xmlns:a16="http://schemas.microsoft.com/office/drawing/2014/main" id="{2CD19836-A4C1-5251-6B07-6617431D143A}"/>
                  </a:ext>
                </a:extLst>
              </p14:cNvPr>
              <p14:cNvContentPartPr/>
              <p14:nvPr/>
            </p14:nvContentPartPr>
            <p14:xfrm>
              <a:off x="3671912" y="558697"/>
              <a:ext cx="1360440" cy="1836360"/>
            </p14:xfrm>
          </p:contentPart>
        </mc:Choice>
        <mc:Fallback xmlns="">
          <p:pic>
            <p:nvPicPr>
              <p:cNvPr id="68" name="Ink 67">
                <a:extLst>
                  <a:ext uri="{FF2B5EF4-FFF2-40B4-BE49-F238E27FC236}">
                    <a16:creationId xmlns:a16="http://schemas.microsoft.com/office/drawing/2014/main" id="{2CD19836-A4C1-5251-6B07-6617431D143A}"/>
                  </a:ext>
                </a:extLst>
              </p:cNvPr>
              <p:cNvPicPr/>
              <p:nvPr/>
            </p:nvPicPr>
            <p:blipFill>
              <a:blip r:embed="rId14"/>
              <a:stretch>
                <a:fillRect/>
              </a:stretch>
            </p:blipFill>
            <p:spPr>
              <a:xfrm>
                <a:off x="3661115" y="547897"/>
                <a:ext cx="1381674" cy="1857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5">
            <p14:nvContentPartPr>
              <p14:cNvPr id="79" name="Ink 78">
                <a:extLst>
                  <a:ext uri="{FF2B5EF4-FFF2-40B4-BE49-F238E27FC236}">
                    <a16:creationId xmlns:a16="http://schemas.microsoft.com/office/drawing/2014/main" id="{4EAE36D7-5C71-9627-8159-E11BCB5460EF}"/>
                  </a:ext>
                </a:extLst>
              </p14:cNvPr>
              <p14:cNvContentPartPr/>
              <p14:nvPr/>
            </p14:nvContentPartPr>
            <p14:xfrm>
              <a:off x="3247112" y="228937"/>
              <a:ext cx="668880" cy="371160"/>
            </p14:xfrm>
          </p:contentPart>
        </mc:Choice>
        <mc:Fallback xmlns="">
          <p:pic>
            <p:nvPicPr>
              <p:cNvPr id="79" name="Ink 78">
                <a:extLst>
                  <a:ext uri="{FF2B5EF4-FFF2-40B4-BE49-F238E27FC236}">
                    <a16:creationId xmlns:a16="http://schemas.microsoft.com/office/drawing/2014/main" id="{4EAE36D7-5C71-9627-8159-E11BCB5460EF}"/>
                  </a:ext>
                </a:extLst>
              </p:cNvPr>
              <p:cNvPicPr/>
              <p:nvPr/>
            </p:nvPicPr>
            <p:blipFill>
              <a:blip r:embed="rId16"/>
              <a:stretch>
                <a:fillRect/>
              </a:stretch>
            </p:blipFill>
            <p:spPr>
              <a:xfrm>
                <a:off x="3236306" y="218137"/>
                <a:ext cx="690131" cy="392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7">
            <p14:nvContentPartPr>
              <p14:cNvPr id="84" name="Ink 83">
                <a:extLst>
                  <a:ext uri="{FF2B5EF4-FFF2-40B4-BE49-F238E27FC236}">
                    <a16:creationId xmlns:a16="http://schemas.microsoft.com/office/drawing/2014/main" id="{5FA0B0AF-C1E9-D897-CBAF-7401FEFFB658}"/>
                  </a:ext>
                </a:extLst>
              </p14:cNvPr>
              <p14:cNvContentPartPr/>
              <p14:nvPr/>
            </p14:nvContentPartPr>
            <p14:xfrm>
              <a:off x="4033352" y="200857"/>
              <a:ext cx="397800" cy="177120"/>
            </p14:xfrm>
          </p:contentPart>
        </mc:Choice>
        <mc:Fallback xmlns="">
          <p:pic>
            <p:nvPicPr>
              <p:cNvPr id="84" name="Ink 83">
                <a:extLst>
                  <a:ext uri="{FF2B5EF4-FFF2-40B4-BE49-F238E27FC236}">
                    <a16:creationId xmlns:a16="http://schemas.microsoft.com/office/drawing/2014/main" id="{5FA0B0AF-C1E9-D897-CBAF-7401FEFFB658}"/>
                  </a:ext>
                </a:extLst>
              </p:cNvPr>
              <p:cNvPicPr/>
              <p:nvPr/>
            </p:nvPicPr>
            <p:blipFill>
              <a:blip r:embed="rId18"/>
              <a:stretch>
                <a:fillRect/>
              </a:stretch>
            </p:blipFill>
            <p:spPr>
              <a:xfrm>
                <a:off x="4022542" y="190057"/>
                <a:ext cx="419059" cy="198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9">
            <p14:nvContentPartPr>
              <p14:cNvPr id="85" name="Ink 84">
                <a:extLst>
                  <a:ext uri="{FF2B5EF4-FFF2-40B4-BE49-F238E27FC236}">
                    <a16:creationId xmlns:a16="http://schemas.microsoft.com/office/drawing/2014/main" id="{AA7B94A1-121C-EF3A-65D9-96E10F340CE7}"/>
                  </a:ext>
                </a:extLst>
              </p14:cNvPr>
              <p14:cNvContentPartPr/>
              <p14:nvPr/>
            </p14:nvContentPartPr>
            <p14:xfrm>
              <a:off x="5382163" y="1997617"/>
              <a:ext cx="767160" cy="475920"/>
            </p14:xfrm>
          </p:contentPart>
        </mc:Choice>
        <mc:Fallback xmlns="">
          <p:pic>
            <p:nvPicPr>
              <p:cNvPr id="85" name="Ink 84">
                <a:extLst>
                  <a:ext uri="{FF2B5EF4-FFF2-40B4-BE49-F238E27FC236}">
                    <a16:creationId xmlns:a16="http://schemas.microsoft.com/office/drawing/2014/main" id="{AA7B94A1-121C-EF3A-65D9-96E10F340CE7}"/>
                  </a:ext>
                </a:extLst>
              </p:cNvPr>
              <p:cNvPicPr/>
              <p:nvPr/>
            </p:nvPicPr>
            <p:blipFill>
              <a:blip r:embed="rId20"/>
              <a:stretch>
                <a:fillRect/>
              </a:stretch>
            </p:blipFill>
            <p:spPr>
              <a:xfrm>
                <a:off x="5371363" y="1986825"/>
                <a:ext cx="788400" cy="497144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1">
            <p14:nvContentPartPr>
              <p14:cNvPr id="88" name="Ink 87">
                <a:extLst>
                  <a:ext uri="{FF2B5EF4-FFF2-40B4-BE49-F238E27FC236}">
                    <a16:creationId xmlns:a16="http://schemas.microsoft.com/office/drawing/2014/main" id="{BF46EC34-E01F-6DAD-EEC3-D0D00EC060A5}"/>
                  </a:ext>
                </a:extLst>
              </p14:cNvPr>
              <p14:cNvContentPartPr/>
              <p14:nvPr/>
            </p14:nvContentPartPr>
            <p14:xfrm>
              <a:off x="6463243" y="822217"/>
              <a:ext cx="798480" cy="1659240"/>
            </p14:xfrm>
          </p:contentPart>
        </mc:Choice>
        <mc:Fallback xmlns="">
          <p:pic>
            <p:nvPicPr>
              <p:cNvPr id="88" name="Ink 87">
                <a:extLst>
                  <a:ext uri="{FF2B5EF4-FFF2-40B4-BE49-F238E27FC236}">
                    <a16:creationId xmlns:a16="http://schemas.microsoft.com/office/drawing/2014/main" id="{BF46EC34-E01F-6DAD-EEC3-D0D00EC060A5}"/>
                  </a:ext>
                </a:extLst>
              </p:cNvPr>
              <p:cNvPicPr/>
              <p:nvPr/>
            </p:nvPicPr>
            <p:blipFill>
              <a:blip r:embed="rId22"/>
              <a:stretch>
                <a:fillRect/>
              </a:stretch>
            </p:blipFill>
            <p:spPr>
              <a:xfrm>
                <a:off x="6452443" y="811419"/>
                <a:ext cx="819720" cy="168047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3">
            <p14:nvContentPartPr>
              <p14:cNvPr id="94" name="Ink 93">
                <a:extLst>
                  <a:ext uri="{FF2B5EF4-FFF2-40B4-BE49-F238E27FC236}">
                    <a16:creationId xmlns:a16="http://schemas.microsoft.com/office/drawing/2014/main" id="{25F832AD-DCDF-59BD-4B3F-F991C05FEC3C}"/>
                  </a:ext>
                </a:extLst>
              </p14:cNvPr>
              <p14:cNvContentPartPr/>
              <p14:nvPr/>
            </p14:nvContentPartPr>
            <p14:xfrm>
              <a:off x="5786803" y="456457"/>
              <a:ext cx="1113120" cy="1581120"/>
            </p14:xfrm>
          </p:contentPart>
        </mc:Choice>
        <mc:Fallback xmlns="">
          <p:pic>
            <p:nvPicPr>
              <p:cNvPr id="94" name="Ink 93">
                <a:extLst>
                  <a:ext uri="{FF2B5EF4-FFF2-40B4-BE49-F238E27FC236}">
                    <a16:creationId xmlns:a16="http://schemas.microsoft.com/office/drawing/2014/main" id="{25F832AD-DCDF-59BD-4B3F-F991C05FEC3C}"/>
                  </a:ext>
                </a:extLst>
              </p:cNvPr>
              <p:cNvPicPr/>
              <p:nvPr/>
            </p:nvPicPr>
            <p:blipFill>
              <a:blip r:embed="rId24"/>
              <a:stretch>
                <a:fillRect/>
              </a:stretch>
            </p:blipFill>
            <p:spPr>
              <a:xfrm>
                <a:off x="5776003" y="445657"/>
                <a:ext cx="1134360" cy="1602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5">
            <p14:nvContentPartPr>
              <p14:cNvPr id="101" name="Ink 100">
                <a:extLst>
                  <a:ext uri="{FF2B5EF4-FFF2-40B4-BE49-F238E27FC236}">
                    <a16:creationId xmlns:a16="http://schemas.microsoft.com/office/drawing/2014/main" id="{6EAEA7DC-DA48-9401-A6AB-75437CDF900C}"/>
                  </a:ext>
                </a:extLst>
              </p14:cNvPr>
              <p14:cNvContentPartPr/>
              <p14:nvPr/>
            </p14:nvContentPartPr>
            <p14:xfrm>
              <a:off x="6985963" y="397417"/>
              <a:ext cx="645120" cy="199440"/>
            </p14:xfrm>
          </p:contentPart>
        </mc:Choice>
        <mc:Fallback xmlns="">
          <p:pic>
            <p:nvPicPr>
              <p:cNvPr id="101" name="Ink 100">
                <a:extLst>
                  <a:ext uri="{FF2B5EF4-FFF2-40B4-BE49-F238E27FC236}">
                    <a16:creationId xmlns:a16="http://schemas.microsoft.com/office/drawing/2014/main" id="{6EAEA7DC-DA48-9401-A6AB-75437CDF900C}"/>
                  </a:ext>
                </a:extLst>
              </p:cNvPr>
              <p:cNvPicPr/>
              <p:nvPr/>
            </p:nvPicPr>
            <p:blipFill>
              <a:blip r:embed="rId26"/>
              <a:stretch>
                <a:fillRect/>
              </a:stretch>
            </p:blipFill>
            <p:spPr>
              <a:xfrm>
                <a:off x="6975163" y="386617"/>
                <a:ext cx="666360" cy="2206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7">
            <p14:nvContentPartPr>
              <p14:cNvPr id="106" name="Ink 105">
                <a:extLst>
                  <a:ext uri="{FF2B5EF4-FFF2-40B4-BE49-F238E27FC236}">
                    <a16:creationId xmlns:a16="http://schemas.microsoft.com/office/drawing/2014/main" id="{0FA1C1BB-FF47-EB90-D7D5-477A4CDA57D5}"/>
                  </a:ext>
                </a:extLst>
              </p14:cNvPr>
              <p14:cNvContentPartPr/>
              <p14:nvPr/>
            </p14:nvContentPartPr>
            <p14:xfrm>
              <a:off x="7788043" y="342337"/>
              <a:ext cx="259920" cy="303120"/>
            </p14:xfrm>
          </p:contentPart>
        </mc:Choice>
        <mc:Fallback xmlns="">
          <p:pic>
            <p:nvPicPr>
              <p:cNvPr id="106" name="Ink 105">
                <a:extLst>
                  <a:ext uri="{FF2B5EF4-FFF2-40B4-BE49-F238E27FC236}">
                    <a16:creationId xmlns:a16="http://schemas.microsoft.com/office/drawing/2014/main" id="{0FA1C1BB-FF47-EB90-D7D5-477A4CDA57D5}"/>
                  </a:ext>
                </a:extLst>
              </p:cNvPr>
              <p:cNvPicPr/>
              <p:nvPr/>
            </p:nvPicPr>
            <p:blipFill>
              <a:blip r:embed="rId28"/>
              <a:stretch>
                <a:fillRect/>
              </a:stretch>
            </p:blipFill>
            <p:spPr>
              <a:xfrm>
                <a:off x="7777228" y="331537"/>
                <a:ext cx="281189" cy="324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9">
            <p14:nvContentPartPr>
              <p14:cNvPr id="112" name="Ink 111">
                <a:extLst>
                  <a:ext uri="{FF2B5EF4-FFF2-40B4-BE49-F238E27FC236}">
                    <a16:creationId xmlns:a16="http://schemas.microsoft.com/office/drawing/2014/main" id="{99A55F70-D35B-3057-F236-8CAD2F63974F}"/>
                  </a:ext>
                </a:extLst>
              </p14:cNvPr>
              <p14:cNvContentPartPr/>
              <p14:nvPr/>
            </p14:nvContentPartPr>
            <p14:xfrm>
              <a:off x="6879763" y="684337"/>
              <a:ext cx="98640" cy="122400"/>
            </p14:xfrm>
          </p:contentPart>
        </mc:Choice>
        <mc:Fallback xmlns="">
          <p:pic>
            <p:nvPicPr>
              <p:cNvPr id="112" name="Ink 111">
                <a:extLst>
                  <a:ext uri="{FF2B5EF4-FFF2-40B4-BE49-F238E27FC236}">
                    <a16:creationId xmlns:a16="http://schemas.microsoft.com/office/drawing/2014/main" id="{99A55F70-D35B-3057-F236-8CAD2F63974F}"/>
                  </a:ext>
                </a:extLst>
              </p:cNvPr>
              <p:cNvPicPr/>
              <p:nvPr/>
            </p:nvPicPr>
            <p:blipFill>
              <a:blip r:embed="rId30"/>
              <a:stretch>
                <a:fillRect/>
              </a:stretch>
            </p:blipFill>
            <p:spPr>
              <a:xfrm>
                <a:off x="6868963" y="673505"/>
                <a:ext cx="119880" cy="14370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1">
            <p14:nvContentPartPr>
              <p14:cNvPr id="113" name="Ink 112">
                <a:extLst>
                  <a:ext uri="{FF2B5EF4-FFF2-40B4-BE49-F238E27FC236}">
                    <a16:creationId xmlns:a16="http://schemas.microsoft.com/office/drawing/2014/main" id="{2843102E-3833-0E4B-1159-535ABA84AF98}"/>
                  </a:ext>
                </a:extLst>
              </p14:cNvPr>
              <p14:cNvContentPartPr/>
              <p14:nvPr/>
            </p14:nvContentPartPr>
            <p14:xfrm>
              <a:off x="7092163" y="672817"/>
              <a:ext cx="118440" cy="149760"/>
            </p14:xfrm>
          </p:contentPart>
        </mc:Choice>
        <mc:Fallback xmlns="">
          <p:pic>
            <p:nvPicPr>
              <p:cNvPr id="113" name="Ink 112">
                <a:extLst>
                  <a:ext uri="{FF2B5EF4-FFF2-40B4-BE49-F238E27FC236}">
                    <a16:creationId xmlns:a16="http://schemas.microsoft.com/office/drawing/2014/main" id="{2843102E-3833-0E4B-1159-535ABA84AF98}"/>
                  </a:ext>
                </a:extLst>
              </p:cNvPr>
              <p:cNvPicPr/>
              <p:nvPr/>
            </p:nvPicPr>
            <p:blipFill>
              <a:blip r:embed="rId32"/>
              <a:stretch>
                <a:fillRect/>
              </a:stretch>
            </p:blipFill>
            <p:spPr>
              <a:xfrm>
                <a:off x="7081330" y="662017"/>
                <a:ext cx="139745" cy="171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3">
            <p14:nvContentPartPr>
              <p14:cNvPr id="121" name="Ink 120">
                <a:extLst>
                  <a:ext uri="{FF2B5EF4-FFF2-40B4-BE49-F238E27FC236}">
                    <a16:creationId xmlns:a16="http://schemas.microsoft.com/office/drawing/2014/main" id="{9F9B88FC-1F91-6B1A-FE19-4CEF9A784FF0}"/>
                  </a:ext>
                </a:extLst>
              </p14:cNvPr>
              <p14:cNvContentPartPr/>
              <p14:nvPr/>
            </p14:nvContentPartPr>
            <p14:xfrm>
              <a:off x="7269283" y="688297"/>
              <a:ext cx="232200" cy="165600"/>
            </p14:xfrm>
          </p:contentPart>
        </mc:Choice>
        <mc:Fallback xmlns="">
          <p:pic>
            <p:nvPicPr>
              <p:cNvPr id="121" name="Ink 120">
                <a:extLst>
                  <a:ext uri="{FF2B5EF4-FFF2-40B4-BE49-F238E27FC236}">
                    <a16:creationId xmlns:a16="http://schemas.microsoft.com/office/drawing/2014/main" id="{9F9B88FC-1F91-6B1A-FE19-4CEF9A784FF0}"/>
                  </a:ext>
                </a:extLst>
              </p:cNvPr>
              <p:cNvPicPr/>
              <p:nvPr/>
            </p:nvPicPr>
            <p:blipFill>
              <a:blip r:embed="rId34"/>
              <a:stretch>
                <a:fillRect/>
              </a:stretch>
            </p:blipFill>
            <p:spPr>
              <a:xfrm>
                <a:off x="7258483" y="677473"/>
                <a:ext cx="253440" cy="186886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5">
            <p14:nvContentPartPr>
              <p14:cNvPr id="123" name="Ink 122">
                <a:extLst>
                  <a:ext uri="{FF2B5EF4-FFF2-40B4-BE49-F238E27FC236}">
                    <a16:creationId xmlns:a16="http://schemas.microsoft.com/office/drawing/2014/main" id="{D3F47773-DE89-4E89-EF84-7D83540B6426}"/>
                  </a:ext>
                </a:extLst>
              </p14:cNvPr>
              <p14:cNvContentPartPr/>
              <p14:nvPr/>
            </p14:nvContentPartPr>
            <p14:xfrm>
              <a:off x="1878989" y="2618617"/>
              <a:ext cx="303120" cy="236160"/>
            </p14:xfrm>
          </p:contentPart>
        </mc:Choice>
        <mc:Fallback xmlns="">
          <p:pic>
            <p:nvPicPr>
              <p:cNvPr id="123" name="Ink 122">
                <a:extLst>
                  <a:ext uri="{FF2B5EF4-FFF2-40B4-BE49-F238E27FC236}">
                    <a16:creationId xmlns:a16="http://schemas.microsoft.com/office/drawing/2014/main" id="{D3F47773-DE89-4E89-EF84-7D83540B6426}"/>
                  </a:ext>
                </a:extLst>
              </p:cNvPr>
              <p:cNvPicPr/>
              <p:nvPr/>
            </p:nvPicPr>
            <p:blipFill>
              <a:blip r:embed="rId36"/>
              <a:stretch>
                <a:fillRect/>
              </a:stretch>
            </p:blipFill>
            <p:spPr>
              <a:xfrm>
                <a:off x="1868189" y="2607817"/>
                <a:ext cx="324360" cy="2574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7">
            <p14:nvContentPartPr>
              <p14:cNvPr id="127" name="Ink 126">
                <a:extLst>
                  <a:ext uri="{FF2B5EF4-FFF2-40B4-BE49-F238E27FC236}">
                    <a16:creationId xmlns:a16="http://schemas.microsoft.com/office/drawing/2014/main" id="{D1EF990B-4BA4-0344-645A-255F5F946FB4}"/>
                  </a:ext>
                </a:extLst>
              </p14:cNvPr>
              <p14:cNvContentPartPr/>
              <p14:nvPr/>
            </p14:nvContentPartPr>
            <p14:xfrm>
              <a:off x="2028389" y="2544097"/>
              <a:ext cx="2162880" cy="1883520"/>
            </p14:xfrm>
          </p:contentPart>
        </mc:Choice>
        <mc:Fallback xmlns="">
          <p:pic>
            <p:nvPicPr>
              <p:cNvPr id="127" name="Ink 126">
                <a:extLst>
                  <a:ext uri="{FF2B5EF4-FFF2-40B4-BE49-F238E27FC236}">
                    <a16:creationId xmlns:a16="http://schemas.microsoft.com/office/drawing/2014/main" id="{D1EF990B-4BA4-0344-645A-255F5F946FB4}"/>
                  </a:ext>
                </a:extLst>
              </p:cNvPr>
              <p:cNvPicPr/>
              <p:nvPr/>
            </p:nvPicPr>
            <p:blipFill>
              <a:blip r:embed="rId38"/>
              <a:stretch>
                <a:fillRect/>
              </a:stretch>
            </p:blipFill>
            <p:spPr>
              <a:xfrm>
                <a:off x="2017587" y="2533297"/>
                <a:ext cx="2184124" cy="1904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9">
            <p14:nvContentPartPr>
              <p14:cNvPr id="140" name="Ink 139">
                <a:extLst>
                  <a:ext uri="{FF2B5EF4-FFF2-40B4-BE49-F238E27FC236}">
                    <a16:creationId xmlns:a16="http://schemas.microsoft.com/office/drawing/2014/main" id="{9417A6CA-1917-FC05-1A4D-E595311CBDEA}"/>
                  </a:ext>
                </a:extLst>
              </p14:cNvPr>
              <p14:cNvContentPartPr/>
              <p14:nvPr/>
            </p14:nvContentPartPr>
            <p14:xfrm>
              <a:off x="1568309" y="4399537"/>
              <a:ext cx="1234800" cy="342360"/>
            </p14:xfrm>
          </p:contentPart>
        </mc:Choice>
        <mc:Fallback xmlns="">
          <p:pic>
            <p:nvPicPr>
              <p:cNvPr id="140" name="Ink 139">
                <a:extLst>
                  <a:ext uri="{FF2B5EF4-FFF2-40B4-BE49-F238E27FC236}">
                    <a16:creationId xmlns:a16="http://schemas.microsoft.com/office/drawing/2014/main" id="{9417A6CA-1917-FC05-1A4D-E595311CBDEA}"/>
                  </a:ext>
                </a:extLst>
              </p:cNvPr>
              <p:cNvPicPr/>
              <p:nvPr/>
            </p:nvPicPr>
            <p:blipFill>
              <a:blip r:embed="rId40"/>
              <a:stretch>
                <a:fillRect/>
              </a:stretch>
            </p:blipFill>
            <p:spPr>
              <a:xfrm>
                <a:off x="1557509" y="4388737"/>
                <a:ext cx="1256040" cy="363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1">
            <p14:nvContentPartPr>
              <p14:cNvPr id="149" name="Ink 148">
                <a:extLst>
                  <a:ext uri="{FF2B5EF4-FFF2-40B4-BE49-F238E27FC236}">
                    <a16:creationId xmlns:a16="http://schemas.microsoft.com/office/drawing/2014/main" id="{F3649A8B-B027-F406-92C5-81477305F3D7}"/>
                  </a:ext>
                </a:extLst>
              </p14:cNvPr>
              <p14:cNvContentPartPr/>
              <p14:nvPr/>
            </p14:nvContentPartPr>
            <p14:xfrm>
              <a:off x="2901389" y="4423297"/>
              <a:ext cx="640800" cy="306360"/>
            </p14:xfrm>
          </p:contentPart>
        </mc:Choice>
        <mc:Fallback xmlns="">
          <p:pic>
            <p:nvPicPr>
              <p:cNvPr id="149" name="Ink 148">
                <a:extLst>
                  <a:ext uri="{FF2B5EF4-FFF2-40B4-BE49-F238E27FC236}">
                    <a16:creationId xmlns:a16="http://schemas.microsoft.com/office/drawing/2014/main" id="{F3649A8B-B027-F406-92C5-81477305F3D7}"/>
                  </a:ext>
                </a:extLst>
              </p:cNvPr>
              <p:cNvPicPr/>
              <p:nvPr/>
            </p:nvPicPr>
            <p:blipFill>
              <a:blip r:embed="rId42"/>
              <a:stretch>
                <a:fillRect/>
              </a:stretch>
            </p:blipFill>
            <p:spPr>
              <a:xfrm>
                <a:off x="2890595" y="4412497"/>
                <a:ext cx="662028" cy="327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3">
            <p14:nvContentPartPr>
              <p14:cNvPr id="152" name="Ink 151">
                <a:extLst>
                  <a:ext uri="{FF2B5EF4-FFF2-40B4-BE49-F238E27FC236}">
                    <a16:creationId xmlns:a16="http://schemas.microsoft.com/office/drawing/2014/main" id="{D8E91F4C-F462-F6D5-28E7-C40B57983F4C}"/>
                  </a:ext>
                </a:extLst>
              </p14:cNvPr>
              <p14:cNvContentPartPr/>
              <p14:nvPr/>
            </p14:nvContentPartPr>
            <p14:xfrm>
              <a:off x="2386229" y="2540137"/>
              <a:ext cx="1906920" cy="1962360"/>
            </p14:xfrm>
          </p:contentPart>
        </mc:Choice>
        <mc:Fallback xmlns="">
          <p:pic>
            <p:nvPicPr>
              <p:cNvPr id="152" name="Ink 151">
                <a:extLst>
                  <a:ext uri="{FF2B5EF4-FFF2-40B4-BE49-F238E27FC236}">
                    <a16:creationId xmlns:a16="http://schemas.microsoft.com/office/drawing/2014/main" id="{D8E91F4C-F462-F6D5-28E7-C40B57983F4C}"/>
                  </a:ext>
                </a:extLst>
              </p:cNvPr>
              <p:cNvPicPr/>
              <p:nvPr/>
            </p:nvPicPr>
            <p:blipFill>
              <a:blip r:embed="rId44"/>
              <a:stretch>
                <a:fillRect/>
              </a:stretch>
            </p:blipFill>
            <p:spPr>
              <a:xfrm>
                <a:off x="2375431" y="2529337"/>
                <a:ext cx="1928156" cy="1983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5">
            <p14:nvContentPartPr>
              <p14:cNvPr id="161" name="Ink 160">
                <a:extLst>
                  <a:ext uri="{FF2B5EF4-FFF2-40B4-BE49-F238E27FC236}">
                    <a16:creationId xmlns:a16="http://schemas.microsoft.com/office/drawing/2014/main" id="{73256715-579D-F55D-775F-9349BE29B7F8}"/>
                  </a:ext>
                </a:extLst>
              </p14:cNvPr>
              <p14:cNvContentPartPr/>
              <p14:nvPr/>
            </p14:nvContentPartPr>
            <p14:xfrm>
              <a:off x="4202429" y="4423297"/>
              <a:ext cx="456840" cy="373680"/>
            </p14:xfrm>
          </p:contentPart>
        </mc:Choice>
        <mc:Fallback xmlns="">
          <p:pic>
            <p:nvPicPr>
              <p:cNvPr id="161" name="Ink 160">
                <a:extLst>
                  <a:ext uri="{FF2B5EF4-FFF2-40B4-BE49-F238E27FC236}">
                    <a16:creationId xmlns:a16="http://schemas.microsoft.com/office/drawing/2014/main" id="{73256715-579D-F55D-775F-9349BE29B7F8}"/>
                  </a:ext>
                </a:extLst>
              </p:cNvPr>
              <p:cNvPicPr/>
              <p:nvPr/>
            </p:nvPicPr>
            <p:blipFill>
              <a:blip r:embed="rId46"/>
              <a:stretch>
                <a:fillRect/>
              </a:stretch>
            </p:blipFill>
            <p:spPr>
              <a:xfrm>
                <a:off x="4191620" y="4412507"/>
                <a:ext cx="478097" cy="3949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7">
            <p14:nvContentPartPr>
              <p14:cNvPr id="165" name="Ink 164">
                <a:extLst>
                  <a:ext uri="{FF2B5EF4-FFF2-40B4-BE49-F238E27FC236}">
                    <a16:creationId xmlns:a16="http://schemas.microsoft.com/office/drawing/2014/main" id="{69B448C1-32C3-E492-E42F-617E0B03FB3A}"/>
                  </a:ext>
                </a:extLst>
              </p14:cNvPr>
              <p14:cNvContentPartPr/>
              <p14:nvPr/>
            </p14:nvContentPartPr>
            <p14:xfrm>
              <a:off x="4737389" y="4505737"/>
              <a:ext cx="362160" cy="228600"/>
            </p14:xfrm>
          </p:contentPart>
        </mc:Choice>
        <mc:Fallback xmlns="">
          <p:pic>
            <p:nvPicPr>
              <p:cNvPr id="165" name="Ink 164">
                <a:extLst>
                  <a:ext uri="{FF2B5EF4-FFF2-40B4-BE49-F238E27FC236}">
                    <a16:creationId xmlns:a16="http://schemas.microsoft.com/office/drawing/2014/main" id="{69B448C1-32C3-E492-E42F-617E0B03FB3A}"/>
                  </a:ext>
                </a:extLst>
              </p:cNvPr>
              <p:cNvPicPr/>
              <p:nvPr/>
            </p:nvPicPr>
            <p:blipFill>
              <a:blip r:embed="rId48"/>
              <a:stretch>
                <a:fillRect/>
              </a:stretch>
            </p:blipFill>
            <p:spPr>
              <a:xfrm>
                <a:off x="4726589" y="4494920"/>
                <a:ext cx="383400" cy="249874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9">
            <p14:nvContentPartPr>
              <p14:cNvPr id="168" name="Ink 167">
                <a:extLst>
                  <a:ext uri="{FF2B5EF4-FFF2-40B4-BE49-F238E27FC236}">
                    <a16:creationId xmlns:a16="http://schemas.microsoft.com/office/drawing/2014/main" id="{893CC004-E3FA-1226-4F13-8298FC28A3F1}"/>
                  </a:ext>
                </a:extLst>
              </p14:cNvPr>
              <p14:cNvContentPartPr/>
              <p14:nvPr/>
            </p14:nvContentPartPr>
            <p14:xfrm>
              <a:off x="4186949" y="2437897"/>
              <a:ext cx="1396080" cy="2158560"/>
            </p14:xfrm>
          </p:contentPart>
        </mc:Choice>
        <mc:Fallback xmlns="">
          <p:pic>
            <p:nvPicPr>
              <p:cNvPr id="168" name="Ink 167">
                <a:extLst>
                  <a:ext uri="{FF2B5EF4-FFF2-40B4-BE49-F238E27FC236}">
                    <a16:creationId xmlns:a16="http://schemas.microsoft.com/office/drawing/2014/main" id="{893CC004-E3FA-1226-4F13-8298FC28A3F1}"/>
                  </a:ext>
                </a:extLst>
              </p:cNvPr>
              <p:cNvPicPr/>
              <p:nvPr/>
            </p:nvPicPr>
            <p:blipFill>
              <a:blip r:embed="rId50"/>
              <a:stretch>
                <a:fillRect/>
              </a:stretch>
            </p:blipFill>
            <p:spPr>
              <a:xfrm>
                <a:off x="4176149" y="2427097"/>
                <a:ext cx="1417320" cy="2179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1">
            <p14:nvContentPartPr>
              <p14:cNvPr id="172" name="Ink 171">
                <a:extLst>
                  <a:ext uri="{FF2B5EF4-FFF2-40B4-BE49-F238E27FC236}">
                    <a16:creationId xmlns:a16="http://schemas.microsoft.com/office/drawing/2014/main" id="{96E29FE9-E773-9E15-AA8A-B73FB469A81F}"/>
                  </a:ext>
                </a:extLst>
              </p14:cNvPr>
              <p14:cNvContentPartPr/>
              <p14:nvPr/>
            </p14:nvContentPartPr>
            <p14:xfrm>
              <a:off x="5444789" y="4698337"/>
              <a:ext cx="307080" cy="169560"/>
            </p14:xfrm>
          </p:contentPart>
        </mc:Choice>
        <mc:Fallback xmlns="">
          <p:pic>
            <p:nvPicPr>
              <p:cNvPr id="172" name="Ink 171">
                <a:extLst>
                  <a:ext uri="{FF2B5EF4-FFF2-40B4-BE49-F238E27FC236}">
                    <a16:creationId xmlns:a16="http://schemas.microsoft.com/office/drawing/2014/main" id="{96E29FE9-E773-9E15-AA8A-B73FB469A81F}"/>
                  </a:ext>
                </a:extLst>
              </p:cNvPr>
              <p:cNvPicPr/>
              <p:nvPr/>
            </p:nvPicPr>
            <p:blipFill>
              <a:blip r:embed="rId52"/>
              <a:stretch>
                <a:fillRect/>
              </a:stretch>
            </p:blipFill>
            <p:spPr>
              <a:xfrm>
                <a:off x="5433989" y="4687537"/>
                <a:ext cx="328320" cy="19080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10476611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3D18F78-2127-C988-5098-560C6B78D64B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Results</a:t>
            </a:r>
            <a:endParaRPr lang="en-US"/>
          </a:p>
        </p:txBody>
      </p:sp>
      <p:pic>
        <p:nvPicPr>
          <p:cNvPr id="6" name="Content Placeholder 5" descr="A table with numbers and points&#10;&#10;Description automatically generated">
            <a:extLst>
              <a:ext uri="{FF2B5EF4-FFF2-40B4-BE49-F238E27FC236}">
                <a16:creationId xmlns:a16="http://schemas.microsoft.com/office/drawing/2014/main" id="{8CA071B3-B3DC-E89C-4486-E7D7237C83CE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758824" y="1588488"/>
            <a:ext cx="7556501" cy="2358765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862F068-6A0F-D49E-DAB2-C1741A2EB77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F8E069-810D-B256-66B2-F802DA67F9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7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7534062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E62731-582A-684F-90B0-694784D9871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Conclusion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A21B72-F411-8E58-B435-0777C29272B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pPr marL="342900" indent="-342900">
              <a:buChar char="•"/>
            </a:pPr>
            <a:r>
              <a:rPr lang="en-US">
                <a:cs typeface="Calibri"/>
              </a:rPr>
              <a:t>Security proof for </a:t>
            </a:r>
            <a:r>
              <a:rPr lang="en-US" err="1">
                <a:cs typeface="Calibri"/>
              </a:rPr>
              <a:t>SDitH</a:t>
            </a:r>
            <a:r>
              <a:rPr lang="en-US">
                <a:cs typeface="Calibri"/>
              </a:rPr>
              <a:t> and H-</a:t>
            </a:r>
            <a:r>
              <a:rPr lang="en-US" err="1">
                <a:cs typeface="Calibri"/>
              </a:rPr>
              <a:t>SDitH</a:t>
            </a:r>
            <a:r>
              <a:rPr lang="en-US">
                <a:cs typeface="Calibri"/>
              </a:rPr>
              <a:t> against quantum adversaries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Bound is tight up to constants if multi-target mitigation is used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Allows for online-offline signatures with very short online phase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Techniques may apply to similar schemes</a:t>
            </a:r>
          </a:p>
          <a:p>
            <a:pPr marL="342900" indent="-342900">
              <a:buChar char="•"/>
            </a:pPr>
            <a:r>
              <a:rPr lang="en-US">
                <a:cs typeface="Calibri"/>
              </a:rPr>
              <a:t>(eprint) PoW can be used to optimize parameters</a:t>
            </a:r>
          </a:p>
          <a:p>
            <a:pPr marL="342900" indent="-342900">
              <a:buChar char="•"/>
            </a:pPr>
            <a:endParaRPr lang="en-US">
              <a:cs typeface="Calibri"/>
            </a:endParaRPr>
          </a:p>
          <a:p>
            <a:pPr algn="ctr"/>
            <a:r>
              <a:rPr lang="en-US">
                <a:ea typeface="+mn-lt"/>
                <a:cs typeface="+mn-lt"/>
              </a:rPr>
              <a:t>https://eprint.iacr.org/2023/756.pdf</a:t>
            </a:r>
            <a:endParaRPr lang="en-US">
              <a:cs typeface="Calibri"/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768D506-B200-58CF-ACFA-502794A433E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CB3EB1D-44EA-1CC9-CC73-FE95071A2E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66742198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1C903AC-7AF0-B6DE-1BD6-59651A86E77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Backup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08CBBAD-A056-E3D4-C451-554E97DD604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1A0849E-46F3-1CC7-497D-605430F33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D5127B-4584-CD8C-6ACB-54264F425B2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3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883428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7CA2618-6AB8-EEBE-286D-BF97AC25B7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Identification schemes </a:t>
            </a:r>
            <a:r>
              <a:rPr lang="en-US" sz="2000">
                <a:cs typeface="Calibri"/>
              </a:rPr>
              <a:t>(3-round, public coin)</a:t>
            </a:r>
            <a:endParaRPr lang="en-US" sz="200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C37430-3CBF-BD22-3771-568D6563C5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903F473-51F3-B856-4B47-76F8B63876B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4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903B3EEA-FA2D-459F-8812-3CCCDF55B8FD}"/>
              </a:ext>
            </a:extLst>
          </p:cNvPr>
          <p:cNvSpPr txBox="1"/>
          <p:nvPr/>
        </p:nvSpPr>
        <p:spPr>
          <a:xfrm>
            <a:off x="1111500" y="1228499"/>
            <a:ext cx="17010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b="1" u="sng">
                <a:cs typeface="Calibri"/>
              </a:rPr>
              <a:t>Prover P</a:t>
            </a:r>
            <a:endParaRPr lang="en-US" b="1" u="sng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A2A9809-9BD7-930D-AEC3-FFC70931C1B1}"/>
              </a:ext>
            </a:extLst>
          </p:cNvPr>
          <p:cNvSpPr txBox="1"/>
          <p:nvPr/>
        </p:nvSpPr>
        <p:spPr>
          <a:xfrm>
            <a:off x="5579999" y="1228499"/>
            <a:ext cx="17010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b="1" u="sng">
                <a:cs typeface="Calibri"/>
              </a:rPr>
              <a:t>Verifier V</a:t>
            </a:r>
            <a:endParaRPr lang="en-US" b="1" u="sng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5A98AD83-D954-5395-0E24-381B0D86233F}"/>
              </a:ext>
            </a:extLst>
          </p:cNvPr>
          <p:cNvCxnSpPr/>
          <p:nvPr/>
        </p:nvCxnSpPr>
        <p:spPr>
          <a:xfrm>
            <a:off x="2840175" y="1987425"/>
            <a:ext cx="2520900" cy="144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4DA130A3-E202-C0D9-E658-9D2D870E5120}"/>
              </a:ext>
            </a:extLst>
          </p:cNvPr>
          <p:cNvCxnSpPr>
            <a:cxnSpLocks/>
          </p:cNvCxnSpPr>
          <p:nvPr/>
        </p:nvCxnSpPr>
        <p:spPr>
          <a:xfrm flipH="1">
            <a:off x="2841074" y="2531924"/>
            <a:ext cx="2586600" cy="189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DCD01D24-8A94-4853-B9A6-DE4BD9A26A65}"/>
              </a:ext>
            </a:extLst>
          </p:cNvPr>
          <p:cNvCxnSpPr>
            <a:cxnSpLocks/>
          </p:cNvCxnSpPr>
          <p:nvPr/>
        </p:nvCxnSpPr>
        <p:spPr>
          <a:xfrm flipV="1">
            <a:off x="2840174" y="3194324"/>
            <a:ext cx="2529900" cy="36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2038266D-604A-CC85-CD7A-AE6A395A9790}"/>
              </a:ext>
            </a:extLst>
          </p:cNvPr>
          <p:cNvSpPr txBox="1"/>
          <p:nvPr/>
        </p:nvSpPr>
        <p:spPr>
          <a:xfrm>
            <a:off x="3906000" y="1593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w</a:t>
            </a:r>
            <a:endParaRPr lang="en-US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47F442E-BB2F-EB2E-C714-8719250379C2}"/>
              </a:ext>
            </a:extLst>
          </p:cNvPr>
          <p:cNvSpPr txBox="1"/>
          <p:nvPr/>
        </p:nvSpPr>
        <p:spPr>
          <a:xfrm>
            <a:off x="3906000" y="2214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c</a:t>
            </a:r>
            <a:endParaRPr lang="en-US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BFB1D8D-45C4-6D3D-5BD4-EFA84769065D}"/>
              </a:ext>
            </a:extLst>
          </p:cNvPr>
          <p:cNvSpPr txBox="1"/>
          <p:nvPr/>
        </p:nvSpPr>
        <p:spPr>
          <a:xfrm>
            <a:off x="3906000" y="29475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z</a:t>
            </a:r>
            <a:endParaRPr lang="en-US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15" name="Ink 14">
                <a:extLst>
                  <a:ext uri="{FF2B5EF4-FFF2-40B4-BE49-F238E27FC236}">
                    <a16:creationId xmlns:a16="http://schemas.microsoft.com/office/drawing/2014/main" id="{72A0E243-D461-1A6F-BA6F-CCD73627834D}"/>
                  </a:ext>
                </a:extLst>
              </p14:cNvPr>
              <p14:cNvContentPartPr/>
              <p14:nvPr/>
            </p14:nvContentPartPr>
            <p14:xfrm>
              <a:off x="5624377" y="2466101"/>
              <a:ext cx="295920" cy="91440"/>
            </p14:xfrm>
          </p:contentPart>
        </mc:Choice>
        <mc:Fallback xmlns="">
          <p:pic>
            <p:nvPicPr>
              <p:cNvPr id="15" name="Ink 14">
                <a:extLst>
                  <a:ext uri="{FF2B5EF4-FFF2-40B4-BE49-F238E27FC236}">
                    <a16:creationId xmlns:a16="http://schemas.microsoft.com/office/drawing/2014/main" id="{72A0E243-D461-1A6F-BA6F-CCD73627834D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5613577" y="2455343"/>
                <a:ext cx="317160" cy="112597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18" name="Ink 17">
                <a:extLst>
                  <a:ext uri="{FF2B5EF4-FFF2-40B4-BE49-F238E27FC236}">
                    <a16:creationId xmlns:a16="http://schemas.microsoft.com/office/drawing/2014/main" id="{FAA350FA-E3DD-7F7D-2729-F9D55AF5B597}"/>
                  </a:ext>
                </a:extLst>
              </p14:cNvPr>
              <p14:cNvContentPartPr/>
              <p14:nvPr/>
            </p14:nvContentPartPr>
            <p14:xfrm>
              <a:off x="5787817" y="2462861"/>
              <a:ext cx="176400" cy="147960"/>
            </p14:xfrm>
          </p:contentPart>
        </mc:Choice>
        <mc:Fallback xmlns="">
          <p:pic>
            <p:nvPicPr>
              <p:cNvPr id="18" name="Ink 17">
                <a:extLst>
                  <a:ext uri="{FF2B5EF4-FFF2-40B4-BE49-F238E27FC236}">
                    <a16:creationId xmlns:a16="http://schemas.microsoft.com/office/drawing/2014/main" id="{FAA350FA-E3DD-7F7D-2729-F9D55AF5B597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5777039" y="2452087"/>
                <a:ext cx="197597" cy="16914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27" name="Ink 26">
                <a:extLst>
                  <a:ext uri="{FF2B5EF4-FFF2-40B4-BE49-F238E27FC236}">
                    <a16:creationId xmlns:a16="http://schemas.microsoft.com/office/drawing/2014/main" id="{3CCE24D2-2C7A-F69D-7B0A-DADFE3709F03}"/>
                  </a:ext>
                </a:extLst>
              </p14:cNvPr>
              <p14:cNvContentPartPr/>
              <p14:nvPr/>
            </p14:nvContentPartPr>
            <p14:xfrm>
              <a:off x="6052057" y="2390501"/>
              <a:ext cx="591840" cy="225000"/>
            </p14:xfrm>
          </p:contentPart>
        </mc:Choice>
        <mc:Fallback xmlns="">
          <p:pic>
            <p:nvPicPr>
              <p:cNvPr id="27" name="Ink 26">
                <a:extLst>
                  <a:ext uri="{FF2B5EF4-FFF2-40B4-BE49-F238E27FC236}">
                    <a16:creationId xmlns:a16="http://schemas.microsoft.com/office/drawing/2014/main" id="{3CCE24D2-2C7A-F69D-7B0A-DADFE3709F03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6041257" y="2379701"/>
                <a:ext cx="613080" cy="246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45" name="Ink 44">
                <a:extLst>
                  <a:ext uri="{FF2B5EF4-FFF2-40B4-BE49-F238E27FC236}">
                    <a16:creationId xmlns:a16="http://schemas.microsoft.com/office/drawing/2014/main" id="{256AA682-B495-2653-54ED-EE8E75C0BF21}"/>
                  </a:ext>
                </a:extLst>
              </p14:cNvPr>
              <p14:cNvContentPartPr/>
              <p14:nvPr/>
            </p14:nvContentPartPr>
            <p14:xfrm>
              <a:off x="1157362" y="1704589"/>
              <a:ext cx="264600" cy="88560"/>
            </p14:xfrm>
          </p:contentPart>
        </mc:Choice>
        <mc:Fallback xmlns="">
          <p:pic>
            <p:nvPicPr>
              <p:cNvPr id="45" name="Ink 44">
                <a:extLst>
                  <a:ext uri="{FF2B5EF4-FFF2-40B4-BE49-F238E27FC236}">
                    <a16:creationId xmlns:a16="http://schemas.microsoft.com/office/drawing/2014/main" id="{256AA682-B495-2653-54ED-EE8E75C0BF21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1146562" y="1693789"/>
                <a:ext cx="285840" cy="109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58" name="Ink 57">
                <a:extLst>
                  <a:ext uri="{FF2B5EF4-FFF2-40B4-BE49-F238E27FC236}">
                    <a16:creationId xmlns:a16="http://schemas.microsoft.com/office/drawing/2014/main" id="{288500C2-8C85-FB09-F3CD-90D35C3186DB}"/>
                  </a:ext>
                </a:extLst>
              </p14:cNvPr>
              <p14:cNvContentPartPr/>
              <p14:nvPr/>
            </p14:nvContentPartPr>
            <p14:xfrm>
              <a:off x="1481362" y="1563109"/>
              <a:ext cx="984960" cy="214200"/>
            </p14:xfrm>
          </p:contentPart>
        </mc:Choice>
        <mc:Fallback xmlns="">
          <p:pic>
            <p:nvPicPr>
              <p:cNvPr id="58" name="Ink 57">
                <a:extLst>
                  <a:ext uri="{FF2B5EF4-FFF2-40B4-BE49-F238E27FC236}">
                    <a16:creationId xmlns:a16="http://schemas.microsoft.com/office/drawing/2014/main" id="{288500C2-8C85-FB09-F3CD-90D35C3186DB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1470562" y="1552309"/>
                <a:ext cx="1006200" cy="235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61" name="Ink 60">
                <a:extLst>
                  <a:ext uri="{FF2B5EF4-FFF2-40B4-BE49-F238E27FC236}">
                    <a16:creationId xmlns:a16="http://schemas.microsoft.com/office/drawing/2014/main" id="{E5628408-3417-3861-2EC4-7D3C68B35E49}"/>
                  </a:ext>
                </a:extLst>
              </p14:cNvPr>
              <p14:cNvContentPartPr/>
              <p14:nvPr/>
            </p14:nvContentPartPr>
            <p14:xfrm>
              <a:off x="1201282" y="3066829"/>
              <a:ext cx="78840" cy="113760"/>
            </p14:xfrm>
          </p:contentPart>
        </mc:Choice>
        <mc:Fallback xmlns="">
          <p:pic>
            <p:nvPicPr>
              <p:cNvPr id="61" name="Ink 60">
                <a:extLst>
                  <a:ext uri="{FF2B5EF4-FFF2-40B4-BE49-F238E27FC236}">
                    <a16:creationId xmlns:a16="http://schemas.microsoft.com/office/drawing/2014/main" id="{E5628408-3417-3861-2EC4-7D3C68B35E49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1190482" y="3056029"/>
                <a:ext cx="100080" cy="135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64" name="Ink 63">
                <a:extLst>
                  <a:ext uri="{FF2B5EF4-FFF2-40B4-BE49-F238E27FC236}">
                    <a16:creationId xmlns:a16="http://schemas.microsoft.com/office/drawing/2014/main" id="{100FE49F-F3FF-7D3E-7459-C9ED3C97ED9E}"/>
                  </a:ext>
                </a:extLst>
              </p14:cNvPr>
              <p14:cNvContentPartPr/>
              <p14:nvPr/>
            </p14:nvContentPartPr>
            <p14:xfrm>
              <a:off x="1324042" y="3060349"/>
              <a:ext cx="123120" cy="75960"/>
            </p14:xfrm>
          </p:contentPart>
        </mc:Choice>
        <mc:Fallback xmlns="">
          <p:pic>
            <p:nvPicPr>
              <p:cNvPr id="64" name="Ink 63">
                <a:extLst>
                  <a:ext uri="{FF2B5EF4-FFF2-40B4-BE49-F238E27FC236}">
                    <a16:creationId xmlns:a16="http://schemas.microsoft.com/office/drawing/2014/main" id="{100FE49F-F3FF-7D3E-7459-C9ED3C97ED9E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1313242" y="3049549"/>
                <a:ext cx="144360" cy="97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73" name="Ink 72">
                <a:extLst>
                  <a:ext uri="{FF2B5EF4-FFF2-40B4-BE49-F238E27FC236}">
                    <a16:creationId xmlns:a16="http://schemas.microsoft.com/office/drawing/2014/main" id="{C994B0F7-2AE7-9949-35BA-563522FE7CF9}"/>
                  </a:ext>
                </a:extLst>
              </p14:cNvPr>
              <p14:cNvContentPartPr/>
              <p14:nvPr/>
            </p14:nvContentPartPr>
            <p14:xfrm>
              <a:off x="1475242" y="2963149"/>
              <a:ext cx="619920" cy="281520"/>
            </p14:xfrm>
          </p:contentPart>
        </mc:Choice>
        <mc:Fallback xmlns="">
          <p:pic>
            <p:nvPicPr>
              <p:cNvPr id="73" name="Ink 72">
                <a:extLst>
                  <a:ext uri="{FF2B5EF4-FFF2-40B4-BE49-F238E27FC236}">
                    <a16:creationId xmlns:a16="http://schemas.microsoft.com/office/drawing/2014/main" id="{C994B0F7-2AE7-9949-35BA-563522FE7CF9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1464448" y="2952363"/>
                <a:ext cx="641148" cy="30273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8">
            <p14:nvContentPartPr>
              <p14:cNvPr id="79" name="Ink 78">
                <a:extLst>
                  <a:ext uri="{FF2B5EF4-FFF2-40B4-BE49-F238E27FC236}">
                    <a16:creationId xmlns:a16="http://schemas.microsoft.com/office/drawing/2014/main" id="{F5E43B4C-980E-3976-15C0-5DD640DA4010}"/>
                  </a:ext>
                </a:extLst>
              </p14:cNvPr>
              <p14:cNvContentPartPr/>
              <p14:nvPr/>
            </p14:nvContentPartPr>
            <p14:xfrm>
              <a:off x="2167162" y="2972509"/>
              <a:ext cx="252000" cy="226800"/>
            </p14:xfrm>
          </p:contentPart>
        </mc:Choice>
        <mc:Fallback xmlns="">
          <p:pic>
            <p:nvPicPr>
              <p:cNvPr id="79" name="Ink 78">
                <a:extLst>
                  <a:ext uri="{FF2B5EF4-FFF2-40B4-BE49-F238E27FC236}">
                    <a16:creationId xmlns:a16="http://schemas.microsoft.com/office/drawing/2014/main" id="{F5E43B4C-980E-3976-15C0-5DD640DA4010}"/>
                  </a:ext>
                </a:extLst>
              </p:cNvPr>
              <p:cNvPicPr/>
              <p:nvPr/>
            </p:nvPicPr>
            <p:blipFill>
              <a:blip r:embed="rId19"/>
              <a:stretch>
                <a:fillRect/>
              </a:stretch>
            </p:blipFill>
            <p:spPr>
              <a:xfrm>
                <a:off x="2156377" y="2961709"/>
                <a:ext cx="273210" cy="248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0">
            <p14:nvContentPartPr>
              <p14:cNvPr id="82" name="Ink 81">
                <a:extLst>
                  <a:ext uri="{FF2B5EF4-FFF2-40B4-BE49-F238E27FC236}">
                    <a16:creationId xmlns:a16="http://schemas.microsoft.com/office/drawing/2014/main" id="{A718D62B-419F-04ED-9D6B-5E198A24F3B0}"/>
                  </a:ext>
                </a:extLst>
              </p14:cNvPr>
              <p14:cNvContentPartPr/>
              <p14:nvPr/>
            </p14:nvContentPartPr>
            <p14:xfrm>
              <a:off x="2450122" y="3076189"/>
              <a:ext cx="104040" cy="100800"/>
            </p14:xfrm>
          </p:contentPart>
        </mc:Choice>
        <mc:Fallback xmlns="">
          <p:pic>
            <p:nvPicPr>
              <p:cNvPr id="82" name="Ink 81">
                <a:extLst>
                  <a:ext uri="{FF2B5EF4-FFF2-40B4-BE49-F238E27FC236}">
                    <a16:creationId xmlns:a16="http://schemas.microsoft.com/office/drawing/2014/main" id="{A718D62B-419F-04ED-9D6B-5E198A24F3B0}"/>
                  </a:ext>
                </a:extLst>
              </p:cNvPr>
              <p:cNvPicPr/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2439322" y="3065389"/>
                <a:ext cx="125280" cy="122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2">
            <p14:nvContentPartPr>
              <p14:cNvPr id="85" name="Ink 84">
                <a:extLst>
                  <a:ext uri="{FF2B5EF4-FFF2-40B4-BE49-F238E27FC236}">
                    <a16:creationId xmlns:a16="http://schemas.microsoft.com/office/drawing/2014/main" id="{917493C8-0B4A-205D-F73D-9E4F9F7EDC0A}"/>
                  </a:ext>
                </a:extLst>
              </p14:cNvPr>
              <p14:cNvContentPartPr/>
              <p14:nvPr/>
            </p14:nvContentPartPr>
            <p14:xfrm>
              <a:off x="2620042" y="2963149"/>
              <a:ext cx="117000" cy="230040"/>
            </p14:xfrm>
          </p:contentPart>
        </mc:Choice>
        <mc:Fallback xmlns="">
          <p:pic>
            <p:nvPicPr>
              <p:cNvPr id="85" name="Ink 84">
                <a:extLst>
                  <a:ext uri="{FF2B5EF4-FFF2-40B4-BE49-F238E27FC236}">
                    <a16:creationId xmlns:a16="http://schemas.microsoft.com/office/drawing/2014/main" id="{917493C8-0B4A-205D-F73D-9E4F9F7EDC0A}"/>
                  </a:ext>
                </a:extLst>
              </p:cNvPr>
              <p:cNvPicPr/>
              <p:nvPr/>
            </p:nvPicPr>
            <p:blipFill>
              <a:blip r:embed="rId23"/>
              <a:stretch>
                <a:fillRect/>
              </a:stretch>
            </p:blipFill>
            <p:spPr>
              <a:xfrm>
                <a:off x="2609209" y="2952349"/>
                <a:ext cx="138306" cy="251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4">
            <p14:nvContentPartPr>
              <p14:cNvPr id="88" name="Ink 87">
                <a:extLst>
                  <a:ext uri="{FF2B5EF4-FFF2-40B4-BE49-F238E27FC236}">
                    <a16:creationId xmlns:a16="http://schemas.microsoft.com/office/drawing/2014/main" id="{21BC5B43-FA6A-19DA-0405-720428EB5A9F}"/>
                  </a:ext>
                </a:extLst>
              </p14:cNvPr>
              <p14:cNvContentPartPr/>
              <p14:nvPr/>
            </p14:nvContentPartPr>
            <p14:xfrm>
              <a:off x="5621119" y="3334284"/>
              <a:ext cx="289800" cy="179640"/>
            </p14:xfrm>
          </p:contentPart>
        </mc:Choice>
        <mc:Fallback xmlns="">
          <p:pic>
            <p:nvPicPr>
              <p:cNvPr id="88" name="Ink 87">
                <a:extLst>
                  <a:ext uri="{FF2B5EF4-FFF2-40B4-BE49-F238E27FC236}">
                    <a16:creationId xmlns:a16="http://schemas.microsoft.com/office/drawing/2014/main" id="{21BC5B43-FA6A-19DA-0405-720428EB5A9F}"/>
                  </a:ext>
                </a:extLst>
              </p:cNvPr>
              <p:cNvPicPr/>
              <p:nvPr/>
            </p:nvPicPr>
            <p:blipFill>
              <a:blip r:embed="rId25"/>
              <a:stretch>
                <a:fillRect/>
              </a:stretch>
            </p:blipFill>
            <p:spPr>
              <a:xfrm>
                <a:off x="5610319" y="3323484"/>
                <a:ext cx="311040" cy="200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6">
            <p14:nvContentPartPr>
              <p14:cNvPr id="98" name="Ink 97">
                <a:extLst>
                  <a:ext uri="{FF2B5EF4-FFF2-40B4-BE49-F238E27FC236}">
                    <a16:creationId xmlns:a16="http://schemas.microsoft.com/office/drawing/2014/main" id="{8CD40BD0-631F-A822-4EA6-2D046716BBC8}"/>
                  </a:ext>
                </a:extLst>
              </p14:cNvPr>
              <p14:cNvContentPartPr/>
              <p14:nvPr/>
            </p14:nvContentPartPr>
            <p14:xfrm>
              <a:off x="6020719" y="3281004"/>
              <a:ext cx="456120" cy="304920"/>
            </p14:xfrm>
          </p:contentPart>
        </mc:Choice>
        <mc:Fallback xmlns="">
          <p:pic>
            <p:nvPicPr>
              <p:cNvPr id="98" name="Ink 97">
                <a:extLst>
                  <a:ext uri="{FF2B5EF4-FFF2-40B4-BE49-F238E27FC236}">
                    <a16:creationId xmlns:a16="http://schemas.microsoft.com/office/drawing/2014/main" id="{8CD40BD0-631F-A822-4EA6-2D046716BBC8}"/>
                  </a:ext>
                </a:extLst>
              </p:cNvPr>
              <p:cNvPicPr/>
              <p:nvPr/>
            </p:nvPicPr>
            <p:blipFill>
              <a:blip r:embed="rId27"/>
              <a:stretch>
                <a:fillRect/>
              </a:stretch>
            </p:blipFill>
            <p:spPr>
              <a:xfrm>
                <a:off x="6009919" y="3270204"/>
                <a:ext cx="477360" cy="3261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8">
            <p14:nvContentPartPr>
              <p14:cNvPr id="99" name="Ink 98">
                <a:extLst>
                  <a:ext uri="{FF2B5EF4-FFF2-40B4-BE49-F238E27FC236}">
                    <a16:creationId xmlns:a16="http://schemas.microsoft.com/office/drawing/2014/main" id="{C9A06D44-B863-C206-24DD-7E1FE975DA46}"/>
                  </a:ext>
                </a:extLst>
              </p14:cNvPr>
              <p14:cNvContentPartPr/>
              <p14:nvPr/>
            </p14:nvContentPartPr>
            <p14:xfrm>
              <a:off x="6596359" y="3287124"/>
              <a:ext cx="50760" cy="248760"/>
            </p14:xfrm>
          </p:contentPart>
        </mc:Choice>
        <mc:Fallback xmlns="">
          <p:pic>
            <p:nvPicPr>
              <p:cNvPr id="99" name="Ink 98">
                <a:extLst>
                  <a:ext uri="{FF2B5EF4-FFF2-40B4-BE49-F238E27FC236}">
                    <a16:creationId xmlns:a16="http://schemas.microsoft.com/office/drawing/2014/main" id="{C9A06D44-B863-C206-24DD-7E1FE975DA46}"/>
                  </a:ext>
                </a:extLst>
              </p:cNvPr>
              <p:cNvPicPr/>
              <p:nvPr/>
            </p:nvPicPr>
            <p:blipFill>
              <a:blip r:embed="rId29"/>
              <a:stretch>
                <a:fillRect/>
              </a:stretch>
            </p:blipFill>
            <p:spPr>
              <a:xfrm>
                <a:off x="6585559" y="3276324"/>
                <a:ext cx="72000" cy="270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0">
            <p14:nvContentPartPr>
              <p14:cNvPr id="104" name="Ink 103">
                <a:extLst>
                  <a:ext uri="{FF2B5EF4-FFF2-40B4-BE49-F238E27FC236}">
                    <a16:creationId xmlns:a16="http://schemas.microsoft.com/office/drawing/2014/main" id="{3D224F1F-C7C1-6981-9000-20A5BF706838}"/>
                  </a:ext>
                </a:extLst>
              </p14:cNvPr>
              <p14:cNvContentPartPr/>
              <p14:nvPr/>
            </p14:nvContentPartPr>
            <p14:xfrm>
              <a:off x="6693559" y="3331044"/>
              <a:ext cx="173520" cy="242280"/>
            </p14:xfrm>
          </p:contentPart>
        </mc:Choice>
        <mc:Fallback xmlns="">
          <p:pic>
            <p:nvPicPr>
              <p:cNvPr id="104" name="Ink 103">
                <a:extLst>
                  <a:ext uri="{FF2B5EF4-FFF2-40B4-BE49-F238E27FC236}">
                    <a16:creationId xmlns:a16="http://schemas.microsoft.com/office/drawing/2014/main" id="{3D224F1F-C7C1-6981-9000-20A5BF706838}"/>
                  </a:ext>
                </a:extLst>
              </p:cNvPr>
              <p:cNvPicPr/>
              <p:nvPr/>
            </p:nvPicPr>
            <p:blipFill>
              <a:blip r:embed="rId31"/>
              <a:stretch>
                <a:fillRect/>
              </a:stretch>
            </p:blipFill>
            <p:spPr>
              <a:xfrm>
                <a:off x="6682759" y="3320244"/>
                <a:ext cx="194760" cy="263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2">
            <p14:nvContentPartPr>
              <p14:cNvPr id="112" name="Ink 111">
                <a:extLst>
                  <a:ext uri="{FF2B5EF4-FFF2-40B4-BE49-F238E27FC236}">
                    <a16:creationId xmlns:a16="http://schemas.microsoft.com/office/drawing/2014/main" id="{24E300D7-3E88-3BBB-6CD9-9A3697AD8988}"/>
                  </a:ext>
                </a:extLst>
              </p14:cNvPr>
              <p14:cNvContentPartPr/>
              <p14:nvPr/>
            </p14:nvContentPartPr>
            <p14:xfrm>
              <a:off x="6932959" y="3277404"/>
              <a:ext cx="541440" cy="267840"/>
            </p14:xfrm>
          </p:contentPart>
        </mc:Choice>
        <mc:Fallback xmlns="">
          <p:pic>
            <p:nvPicPr>
              <p:cNvPr id="112" name="Ink 111">
                <a:extLst>
                  <a:ext uri="{FF2B5EF4-FFF2-40B4-BE49-F238E27FC236}">
                    <a16:creationId xmlns:a16="http://schemas.microsoft.com/office/drawing/2014/main" id="{24E300D7-3E88-3BBB-6CD9-9A3697AD8988}"/>
                  </a:ext>
                </a:extLst>
              </p:cNvPr>
              <p:cNvPicPr/>
              <p:nvPr/>
            </p:nvPicPr>
            <p:blipFill>
              <a:blip r:embed="rId33"/>
              <a:stretch>
                <a:fillRect/>
              </a:stretch>
            </p:blipFill>
            <p:spPr>
              <a:xfrm>
                <a:off x="6922159" y="3266604"/>
                <a:ext cx="562680" cy="2890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4">
            <p14:nvContentPartPr>
              <p14:cNvPr id="115" name="Ink 114">
                <a:extLst>
                  <a:ext uri="{FF2B5EF4-FFF2-40B4-BE49-F238E27FC236}">
                    <a16:creationId xmlns:a16="http://schemas.microsoft.com/office/drawing/2014/main" id="{6E583FEA-C83D-1510-490F-BDCC66EE6F9E}"/>
                  </a:ext>
                </a:extLst>
              </p14:cNvPr>
              <p14:cNvContentPartPr/>
              <p14:nvPr/>
            </p14:nvContentPartPr>
            <p14:xfrm>
              <a:off x="5743879" y="3422124"/>
              <a:ext cx="60120" cy="72720"/>
            </p14:xfrm>
          </p:contentPart>
        </mc:Choice>
        <mc:Fallback xmlns="">
          <p:pic>
            <p:nvPicPr>
              <p:cNvPr id="115" name="Ink 114">
                <a:extLst>
                  <a:ext uri="{FF2B5EF4-FFF2-40B4-BE49-F238E27FC236}">
                    <a16:creationId xmlns:a16="http://schemas.microsoft.com/office/drawing/2014/main" id="{6E583FEA-C83D-1510-490F-BDCC66EE6F9E}"/>
                  </a:ext>
                </a:extLst>
              </p:cNvPr>
              <p:cNvPicPr/>
              <p:nvPr/>
            </p:nvPicPr>
            <p:blipFill>
              <a:blip r:embed="rId35"/>
              <a:stretch>
                <a:fillRect/>
              </a:stretch>
            </p:blipFill>
            <p:spPr>
              <a:xfrm>
                <a:off x="5733079" y="3411324"/>
                <a:ext cx="81360" cy="9396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3126679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C53935-5FBB-6059-67B2-66EA201AD5ED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PoW (increase cost of RO query)</a:t>
            </a:r>
            <a:endParaRPr lang="en-US"/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740DC52F-E95A-F48F-0E65-72D3E7154ED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120073" y="1306642"/>
            <a:ext cx="6834003" cy="2922458"/>
          </a:xfr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BAB7123D-EB5C-9BA7-38AA-52CD2D818A1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499100E-B73B-7EF9-2115-3143C6FF8BE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40</a:t>
            </a:fld>
            <a:endParaRPr lang="en-GB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">
            <p14:nvContentPartPr>
              <p14:cNvPr id="3" name="Ink 2">
                <a:extLst>
                  <a:ext uri="{FF2B5EF4-FFF2-40B4-BE49-F238E27FC236}">
                    <a16:creationId xmlns:a16="http://schemas.microsoft.com/office/drawing/2014/main" id="{816D3463-C4AE-5625-00BF-D46B80C73362}"/>
                  </a:ext>
                </a:extLst>
              </p14:cNvPr>
              <p14:cNvContentPartPr/>
              <p14:nvPr/>
            </p14:nvContentPartPr>
            <p14:xfrm>
              <a:off x="6318230" y="2068980"/>
              <a:ext cx="1095840" cy="407880"/>
            </p14:xfrm>
          </p:contentPart>
        </mc:Choice>
        <mc:Fallback xmlns="">
          <p:pic>
            <p:nvPicPr>
              <p:cNvPr id="3" name="Ink 2">
                <a:extLst>
                  <a:ext uri="{FF2B5EF4-FFF2-40B4-BE49-F238E27FC236}">
                    <a16:creationId xmlns:a16="http://schemas.microsoft.com/office/drawing/2014/main" id="{816D3463-C4AE-5625-00BF-D46B80C73362}"/>
                  </a:ext>
                </a:extLst>
              </p:cNvPr>
              <p:cNvPicPr/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6307430" y="2058180"/>
                <a:ext cx="1117080" cy="42912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16735703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7CA2618-6AB8-EEBE-286D-BF97AC25B7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Identification schemes </a:t>
            </a:r>
            <a:r>
              <a:rPr lang="en-US" sz="2000">
                <a:cs typeface="Calibri"/>
              </a:rPr>
              <a:t>(5-round, public coin)</a:t>
            </a:r>
            <a:endParaRPr lang="en-US" sz="200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C37430-3CBF-BD22-3771-568D6563C5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903F473-51F3-B856-4B47-76F8B63876B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5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903B3EEA-FA2D-459F-8812-3CCCDF55B8FD}"/>
              </a:ext>
            </a:extLst>
          </p:cNvPr>
          <p:cNvSpPr txBox="1"/>
          <p:nvPr/>
        </p:nvSpPr>
        <p:spPr>
          <a:xfrm>
            <a:off x="1111500" y="1228499"/>
            <a:ext cx="17010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b="1" u="sng">
                <a:cs typeface="Calibri"/>
              </a:rPr>
              <a:t>Prover P</a:t>
            </a:r>
            <a:endParaRPr lang="en-US" b="1" u="sng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A2A9809-9BD7-930D-AEC3-FFC70931C1B1}"/>
              </a:ext>
            </a:extLst>
          </p:cNvPr>
          <p:cNvSpPr txBox="1"/>
          <p:nvPr/>
        </p:nvSpPr>
        <p:spPr>
          <a:xfrm>
            <a:off x="5579999" y="1228499"/>
            <a:ext cx="17010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b="1" u="sng">
                <a:cs typeface="Calibri"/>
              </a:rPr>
              <a:t>Verifier V</a:t>
            </a:r>
            <a:endParaRPr lang="en-US" b="1" u="sng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5A98AD83-D954-5395-0E24-381B0D86233F}"/>
              </a:ext>
            </a:extLst>
          </p:cNvPr>
          <p:cNvCxnSpPr/>
          <p:nvPr/>
        </p:nvCxnSpPr>
        <p:spPr>
          <a:xfrm>
            <a:off x="2840175" y="1987425"/>
            <a:ext cx="2520900" cy="144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4DA130A3-E202-C0D9-E658-9D2D870E5120}"/>
              </a:ext>
            </a:extLst>
          </p:cNvPr>
          <p:cNvCxnSpPr>
            <a:cxnSpLocks/>
          </p:cNvCxnSpPr>
          <p:nvPr/>
        </p:nvCxnSpPr>
        <p:spPr>
          <a:xfrm flipH="1">
            <a:off x="2841074" y="2531924"/>
            <a:ext cx="2586600" cy="189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DCD01D24-8A94-4853-B9A6-DE4BD9A26A65}"/>
              </a:ext>
            </a:extLst>
          </p:cNvPr>
          <p:cNvCxnSpPr>
            <a:cxnSpLocks/>
          </p:cNvCxnSpPr>
          <p:nvPr/>
        </p:nvCxnSpPr>
        <p:spPr>
          <a:xfrm flipV="1">
            <a:off x="2840174" y="3702824"/>
            <a:ext cx="2529900" cy="36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2038266D-604A-CC85-CD7A-AE6A395A9790}"/>
              </a:ext>
            </a:extLst>
          </p:cNvPr>
          <p:cNvSpPr txBox="1"/>
          <p:nvPr/>
        </p:nvSpPr>
        <p:spPr>
          <a:xfrm>
            <a:off x="3906000" y="1593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w</a:t>
            </a:r>
            <a:endParaRPr lang="en-US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47F442E-BB2F-EB2E-C714-8719250379C2}"/>
              </a:ext>
            </a:extLst>
          </p:cNvPr>
          <p:cNvSpPr txBox="1"/>
          <p:nvPr/>
        </p:nvSpPr>
        <p:spPr>
          <a:xfrm>
            <a:off x="3906000" y="2214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c</a:t>
            </a:r>
            <a:endParaRPr lang="en-US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BFB1D8D-45C4-6D3D-5BD4-EFA84769065D}"/>
              </a:ext>
            </a:extLst>
          </p:cNvPr>
          <p:cNvSpPr txBox="1"/>
          <p:nvPr/>
        </p:nvSpPr>
        <p:spPr>
          <a:xfrm>
            <a:off x="3906000" y="3456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z</a:t>
            </a:r>
            <a:endParaRPr lang="en-US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15" name="Ink 14">
                <a:extLst>
                  <a:ext uri="{FF2B5EF4-FFF2-40B4-BE49-F238E27FC236}">
                    <a16:creationId xmlns:a16="http://schemas.microsoft.com/office/drawing/2014/main" id="{72A0E243-D461-1A6F-BA6F-CCD73627834D}"/>
                  </a:ext>
                </a:extLst>
              </p14:cNvPr>
              <p14:cNvContentPartPr/>
              <p14:nvPr/>
            </p14:nvContentPartPr>
            <p14:xfrm>
              <a:off x="5624377" y="2466101"/>
              <a:ext cx="295920" cy="91440"/>
            </p14:xfrm>
          </p:contentPart>
        </mc:Choice>
        <mc:Fallback xmlns="">
          <p:pic>
            <p:nvPicPr>
              <p:cNvPr id="15" name="Ink 14">
                <a:extLst>
                  <a:ext uri="{FF2B5EF4-FFF2-40B4-BE49-F238E27FC236}">
                    <a16:creationId xmlns:a16="http://schemas.microsoft.com/office/drawing/2014/main" id="{72A0E243-D461-1A6F-BA6F-CCD73627834D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5613577" y="2455343"/>
                <a:ext cx="317160" cy="112597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18" name="Ink 17">
                <a:extLst>
                  <a:ext uri="{FF2B5EF4-FFF2-40B4-BE49-F238E27FC236}">
                    <a16:creationId xmlns:a16="http://schemas.microsoft.com/office/drawing/2014/main" id="{FAA350FA-E3DD-7F7D-2729-F9D55AF5B597}"/>
                  </a:ext>
                </a:extLst>
              </p14:cNvPr>
              <p14:cNvContentPartPr/>
              <p14:nvPr/>
            </p14:nvContentPartPr>
            <p14:xfrm>
              <a:off x="5787817" y="2462861"/>
              <a:ext cx="176400" cy="147960"/>
            </p14:xfrm>
          </p:contentPart>
        </mc:Choice>
        <mc:Fallback xmlns="">
          <p:pic>
            <p:nvPicPr>
              <p:cNvPr id="18" name="Ink 17">
                <a:extLst>
                  <a:ext uri="{FF2B5EF4-FFF2-40B4-BE49-F238E27FC236}">
                    <a16:creationId xmlns:a16="http://schemas.microsoft.com/office/drawing/2014/main" id="{FAA350FA-E3DD-7F7D-2729-F9D55AF5B597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5777039" y="2452087"/>
                <a:ext cx="197597" cy="16914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27" name="Ink 26">
                <a:extLst>
                  <a:ext uri="{FF2B5EF4-FFF2-40B4-BE49-F238E27FC236}">
                    <a16:creationId xmlns:a16="http://schemas.microsoft.com/office/drawing/2014/main" id="{3CCE24D2-2C7A-F69D-7B0A-DADFE3709F03}"/>
                  </a:ext>
                </a:extLst>
              </p14:cNvPr>
              <p14:cNvContentPartPr/>
              <p14:nvPr/>
            </p14:nvContentPartPr>
            <p14:xfrm>
              <a:off x="6052057" y="2390501"/>
              <a:ext cx="591840" cy="225000"/>
            </p14:xfrm>
          </p:contentPart>
        </mc:Choice>
        <mc:Fallback xmlns="">
          <p:pic>
            <p:nvPicPr>
              <p:cNvPr id="27" name="Ink 26">
                <a:extLst>
                  <a:ext uri="{FF2B5EF4-FFF2-40B4-BE49-F238E27FC236}">
                    <a16:creationId xmlns:a16="http://schemas.microsoft.com/office/drawing/2014/main" id="{3CCE24D2-2C7A-F69D-7B0A-DADFE3709F03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6041257" y="2379701"/>
                <a:ext cx="613080" cy="246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45" name="Ink 44">
                <a:extLst>
                  <a:ext uri="{FF2B5EF4-FFF2-40B4-BE49-F238E27FC236}">
                    <a16:creationId xmlns:a16="http://schemas.microsoft.com/office/drawing/2014/main" id="{256AA682-B495-2653-54ED-EE8E75C0BF21}"/>
                  </a:ext>
                </a:extLst>
              </p14:cNvPr>
              <p14:cNvContentPartPr/>
              <p14:nvPr/>
            </p14:nvContentPartPr>
            <p14:xfrm>
              <a:off x="1157362" y="1704589"/>
              <a:ext cx="264600" cy="88560"/>
            </p14:xfrm>
          </p:contentPart>
        </mc:Choice>
        <mc:Fallback xmlns="">
          <p:pic>
            <p:nvPicPr>
              <p:cNvPr id="45" name="Ink 44">
                <a:extLst>
                  <a:ext uri="{FF2B5EF4-FFF2-40B4-BE49-F238E27FC236}">
                    <a16:creationId xmlns:a16="http://schemas.microsoft.com/office/drawing/2014/main" id="{256AA682-B495-2653-54ED-EE8E75C0BF21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1146562" y="1693789"/>
                <a:ext cx="285840" cy="109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58" name="Ink 57">
                <a:extLst>
                  <a:ext uri="{FF2B5EF4-FFF2-40B4-BE49-F238E27FC236}">
                    <a16:creationId xmlns:a16="http://schemas.microsoft.com/office/drawing/2014/main" id="{288500C2-8C85-FB09-F3CD-90D35C3186DB}"/>
                  </a:ext>
                </a:extLst>
              </p14:cNvPr>
              <p14:cNvContentPartPr/>
              <p14:nvPr/>
            </p14:nvContentPartPr>
            <p14:xfrm>
              <a:off x="1481362" y="1563109"/>
              <a:ext cx="984960" cy="214200"/>
            </p14:xfrm>
          </p:contentPart>
        </mc:Choice>
        <mc:Fallback xmlns="">
          <p:pic>
            <p:nvPicPr>
              <p:cNvPr id="58" name="Ink 57">
                <a:extLst>
                  <a:ext uri="{FF2B5EF4-FFF2-40B4-BE49-F238E27FC236}">
                    <a16:creationId xmlns:a16="http://schemas.microsoft.com/office/drawing/2014/main" id="{288500C2-8C85-FB09-F3CD-90D35C3186DB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1470562" y="1552309"/>
                <a:ext cx="1006200" cy="235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61" name="Ink 60">
                <a:extLst>
                  <a:ext uri="{FF2B5EF4-FFF2-40B4-BE49-F238E27FC236}">
                    <a16:creationId xmlns:a16="http://schemas.microsoft.com/office/drawing/2014/main" id="{E5628408-3417-3861-2EC4-7D3C68B35E49}"/>
                  </a:ext>
                </a:extLst>
              </p14:cNvPr>
              <p14:cNvContentPartPr/>
              <p14:nvPr/>
            </p14:nvContentPartPr>
            <p14:xfrm>
              <a:off x="742282" y="3584329"/>
              <a:ext cx="78840" cy="113760"/>
            </p14:xfrm>
          </p:contentPart>
        </mc:Choice>
        <mc:Fallback xmlns="">
          <p:pic>
            <p:nvPicPr>
              <p:cNvPr id="61" name="Ink 60">
                <a:extLst>
                  <a:ext uri="{FF2B5EF4-FFF2-40B4-BE49-F238E27FC236}">
                    <a16:creationId xmlns:a16="http://schemas.microsoft.com/office/drawing/2014/main" id="{E5628408-3417-3861-2EC4-7D3C68B35E49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731482" y="3573529"/>
                <a:ext cx="100080" cy="135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64" name="Ink 63">
                <a:extLst>
                  <a:ext uri="{FF2B5EF4-FFF2-40B4-BE49-F238E27FC236}">
                    <a16:creationId xmlns:a16="http://schemas.microsoft.com/office/drawing/2014/main" id="{100FE49F-F3FF-7D3E-7459-C9ED3C97ED9E}"/>
                  </a:ext>
                </a:extLst>
              </p14:cNvPr>
              <p14:cNvContentPartPr/>
              <p14:nvPr/>
            </p14:nvContentPartPr>
            <p14:xfrm>
              <a:off x="865042" y="3577849"/>
              <a:ext cx="123120" cy="75960"/>
            </p14:xfrm>
          </p:contentPart>
        </mc:Choice>
        <mc:Fallback xmlns="">
          <p:pic>
            <p:nvPicPr>
              <p:cNvPr id="64" name="Ink 63">
                <a:extLst>
                  <a:ext uri="{FF2B5EF4-FFF2-40B4-BE49-F238E27FC236}">
                    <a16:creationId xmlns:a16="http://schemas.microsoft.com/office/drawing/2014/main" id="{100FE49F-F3FF-7D3E-7459-C9ED3C97ED9E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854242" y="3567049"/>
                <a:ext cx="144360" cy="97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73" name="Ink 72">
                <a:extLst>
                  <a:ext uri="{FF2B5EF4-FFF2-40B4-BE49-F238E27FC236}">
                    <a16:creationId xmlns:a16="http://schemas.microsoft.com/office/drawing/2014/main" id="{C994B0F7-2AE7-9949-35BA-563522FE7CF9}"/>
                  </a:ext>
                </a:extLst>
              </p14:cNvPr>
              <p14:cNvContentPartPr/>
              <p14:nvPr/>
            </p14:nvContentPartPr>
            <p14:xfrm>
              <a:off x="1016242" y="3480649"/>
              <a:ext cx="619920" cy="281520"/>
            </p14:xfrm>
          </p:contentPart>
        </mc:Choice>
        <mc:Fallback xmlns="">
          <p:pic>
            <p:nvPicPr>
              <p:cNvPr id="73" name="Ink 72">
                <a:extLst>
                  <a:ext uri="{FF2B5EF4-FFF2-40B4-BE49-F238E27FC236}">
                    <a16:creationId xmlns:a16="http://schemas.microsoft.com/office/drawing/2014/main" id="{C994B0F7-2AE7-9949-35BA-563522FE7CF9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1005448" y="3469863"/>
                <a:ext cx="641148" cy="30273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8">
            <p14:nvContentPartPr>
              <p14:cNvPr id="79" name="Ink 78">
                <a:extLst>
                  <a:ext uri="{FF2B5EF4-FFF2-40B4-BE49-F238E27FC236}">
                    <a16:creationId xmlns:a16="http://schemas.microsoft.com/office/drawing/2014/main" id="{F5E43B4C-980E-3976-15C0-5DD640DA4010}"/>
                  </a:ext>
                </a:extLst>
              </p14:cNvPr>
              <p14:cNvContentPartPr/>
              <p14:nvPr/>
            </p14:nvContentPartPr>
            <p14:xfrm>
              <a:off x="1708162" y="3490009"/>
              <a:ext cx="252000" cy="226800"/>
            </p14:xfrm>
          </p:contentPart>
        </mc:Choice>
        <mc:Fallback xmlns="">
          <p:pic>
            <p:nvPicPr>
              <p:cNvPr id="79" name="Ink 78">
                <a:extLst>
                  <a:ext uri="{FF2B5EF4-FFF2-40B4-BE49-F238E27FC236}">
                    <a16:creationId xmlns:a16="http://schemas.microsoft.com/office/drawing/2014/main" id="{F5E43B4C-980E-3976-15C0-5DD640DA4010}"/>
                  </a:ext>
                </a:extLst>
              </p:cNvPr>
              <p:cNvPicPr/>
              <p:nvPr/>
            </p:nvPicPr>
            <p:blipFill>
              <a:blip r:embed="rId19"/>
              <a:stretch>
                <a:fillRect/>
              </a:stretch>
            </p:blipFill>
            <p:spPr>
              <a:xfrm>
                <a:off x="1697377" y="3479209"/>
                <a:ext cx="273210" cy="248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0">
            <p14:nvContentPartPr>
              <p14:cNvPr id="82" name="Ink 81">
                <a:extLst>
                  <a:ext uri="{FF2B5EF4-FFF2-40B4-BE49-F238E27FC236}">
                    <a16:creationId xmlns:a16="http://schemas.microsoft.com/office/drawing/2014/main" id="{A718D62B-419F-04ED-9D6B-5E198A24F3B0}"/>
                  </a:ext>
                </a:extLst>
              </p14:cNvPr>
              <p14:cNvContentPartPr/>
              <p14:nvPr/>
            </p14:nvContentPartPr>
            <p14:xfrm>
              <a:off x="1991122" y="3593689"/>
              <a:ext cx="104040" cy="100800"/>
            </p14:xfrm>
          </p:contentPart>
        </mc:Choice>
        <mc:Fallback xmlns="">
          <p:pic>
            <p:nvPicPr>
              <p:cNvPr id="82" name="Ink 81">
                <a:extLst>
                  <a:ext uri="{FF2B5EF4-FFF2-40B4-BE49-F238E27FC236}">
                    <a16:creationId xmlns:a16="http://schemas.microsoft.com/office/drawing/2014/main" id="{A718D62B-419F-04ED-9D6B-5E198A24F3B0}"/>
                  </a:ext>
                </a:extLst>
              </p:cNvPr>
              <p:cNvPicPr/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1980322" y="3582889"/>
                <a:ext cx="125280" cy="122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2">
            <p14:nvContentPartPr>
              <p14:cNvPr id="85" name="Ink 84">
                <a:extLst>
                  <a:ext uri="{FF2B5EF4-FFF2-40B4-BE49-F238E27FC236}">
                    <a16:creationId xmlns:a16="http://schemas.microsoft.com/office/drawing/2014/main" id="{917493C8-0B4A-205D-F73D-9E4F9F7EDC0A}"/>
                  </a:ext>
                </a:extLst>
              </p14:cNvPr>
              <p14:cNvContentPartPr/>
              <p14:nvPr/>
            </p14:nvContentPartPr>
            <p14:xfrm>
              <a:off x="2161042" y="3594049"/>
              <a:ext cx="47520" cy="63000"/>
            </p14:xfrm>
          </p:contentPart>
        </mc:Choice>
        <mc:Fallback xmlns="">
          <p:pic>
            <p:nvPicPr>
              <p:cNvPr id="85" name="Ink 84">
                <a:extLst>
                  <a:ext uri="{FF2B5EF4-FFF2-40B4-BE49-F238E27FC236}">
                    <a16:creationId xmlns:a16="http://schemas.microsoft.com/office/drawing/2014/main" id="{917493C8-0B4A-205D-F73D-9E4F9F7EDC0A}"/>
                  </a:ext>
                </a:extLst>
              </p:cNvPr>
              <p:cNvPicPr/>
              <p:nvPr/>
            </p:nvPicPr>
            <p:blipFill>
              <a:blip r:embed="rId23"/>
              <a:stretch>
                <a:fillRect/>
              </a:stretch>
            </p:blipFill>
            <p:spPr>
              <a:xfrm>
                <a:off x="2150242" y="3583249"/>
                <a:ext cx="68760" cy="84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4">
            <p14:nvContentPartPr>
              <p14:cNvPr id="88" name="Ink 87">
                <a:extLst>
                  <a:ext uri="{FF2B5EF4-FFF2-40B4-BE49-F238E27FC236}">
                    <a16:creationId xmlns:a16="http://schemas.microsoft.com/office/drawing/2014/main" id="{21BC5B43-FA6A-19DA-0405-720428EB5A9F}"/>
                  </a:ext>
                </a:extLst>
              </p14:cNvPr>
              <p14:cNvContentPartPr/>
              <p14:nvPr/>
            </p14:nvContentPartPr>
            <p14:xfrm>
              <a:off x="5621119" y="3842784"/>
              <a:ext cx="289800" cy="179640"/>
            </p14:xfrm>
          </p:contentPart>
        </mc:Choice>
        <mc:Fallback xmlns="">
          <p:pic>
            <p:nvPicPr>
              <p:cNvPr id="88" name="Ink 87">
                <a:extLst>
                  <a:ext uri="{FF2B5EF4-FFF2-40B4-BE49-F238E27FC236}">
                    <a16:creationId xmlns:a16="http://schemas.microsoft.com/office/drawing/2014/main" id="{21BC5B43-FA6A-19DA-0405-720428EB5A9F}"/>
                  </a:ext>
                </a:extLst>
              </p:cNvPr>
              <p:cNvPicPr/>
              <p:nvPr/>
            </p:nvPicPr>
            <p:blipFill>
              <a:blip r:embed="rId25"/>
              <a:stretch>
                <a:fillRect/>
              </a:stretch>
            </p:blipFill>
            <p:spPr>
              <a:xfrm>
                <a:off x="5610319" y="3831984"/>
                <a:ext cx="311040" cy="200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6">
            <p14:nvContentPartPr>
              <p14:cNvPr id="98" name="Ink 97">
                <a:extLst>
                  <a:ext uri="{FF2B5EF4-FFF2-40B4-BE49-F238E27FC236}">
                    <a16:creationId xmlns:a16="http://schemas.microsoft.com/office/drawing/2014/main" id="{8CD40BD0-631F-A822-4EA6-2D046716BBC8}"/>
                  </a:ext>
                </a:extLst>
              </p14:cNvPr>
              <p14:cNvContentPartPr/>
              <p14:nvPr/>
            </p14:nvContentPartPr>
            <p14:xfrm>
              <a:off x="6020719" y="3789504"/>
              <a:ext cx="456120" cy="304920"/>
            </p14:xfrm>
          </p:contentPart>
        </mc:Choice>
        <mc:Fallback xmlns="">
          <p:pic>
            <p:nvPicPr>
              <p:cNvPr id="98" name="Ink 97">
                <a:extLst>
                  <a:ext uri="{FF2B5EF4-FFF2-40B4-BE49-F238E27FC236}">
                    <a16:creationId xmlns:a16="http://schemas.microsoft.com/office/drawing/2014/main" id="{8CD40BD0-631F-A822-4EA6-2D046716BBC8}"/>
                  </a:ext>
                </a:extLst>
              </p:cNvPr>
              <p:cNvPicPr/>
              <p:nvPr/>
            </p:nvPicPr>
            <p:blipFill>
              <a:blip r:embed="rId27"/>
              <a:stretch>
                <a:fillRect/>
              </a:stretch>
            </p:blipFill>
            <p:spPr>
              <a:xfrm>
                <a:off x="6009919" y="3778704"/>
                <a:ext cx="477360" cy="3261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8">
            <p14:nvContentPartPr>
              <p14:cNvPr id="99" name="Ink 98">
                <a:extLst>
                  <a:ext uri="{FF2B5EF4-FFF2-40B4-BE49-F238E27FC236}">
                    <a16:creationId xmlns:a16="http://schemas.microsoft.com/office/drawing/2014/main" id="{C9A06D44-B863-C206-24DD-7E1FE975DA46}"/>
                  </a:ext>
                </a:extLst>
              </p14:cNvPr>
              <p14:cNvContentPartPr/>
              <p14:nvPr/>
            </p14:nvContentPartPr>
            <p14:xfrm>
              <a:off x="6596359" y="3795624"/>
              <a:ext cx="50760" cy="248760"/>
            </p14:xfrm>
          </p:contentPart>
        </mc:Choice>
        <mc:Fallback xmlns="">
          <p:pic>
            <p:nvPicPr>
              <p:cNvPr id="99" name="Ink 98">
                <a:extLst>
                  <a:ext uri="{FF2B5EF4-FFF2-40B4-BE49-F238E27FC236}">
                    <a16:creationId xmlns:a16="http://schemas.microsoft.com/office/drawing/2014/main" id="{C9A06D44-B863-C206-24DD-7E1FE975DA46}"/>
                  </a:ext>
                </a:extLst>
              </p:cNvPr>
              <p:cNvPicPr/>
              <p:nvPr/>
            </p:nvPicPr>
            <p:blipFill>
              <a:blip r:embed="rId29"/>
              <a:stretch>
                <a:fillRect/>
              </a:stretch>
            </p:blipFill>
            <p:spPr>
              <a:xfrm>
                <a:off x="6585559" y="3784824"/>
                <a:ext cx="72000" cy="270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0">
            <p14:nvContentPartPr>
              <p14:cNvPr id="104" name="Ink 103">
                <a:extLst>
                  <a:ext uri="{FF2B5EF4-FFF2-40B4-BE49-F238E27FC236}">
                    <a16:creationId xmlns:a16="http://schemas.microsoft.com/office/drawing/2014/main" id="{3D224F1F-C7C1-6981-9000-20A5BF706838}"/>
                  </a:ext>
                </a:extLst>
              </p14:cNvPr>
              <p14:cNvContentPartPr/>
              <p14:nvPr/>
            </p14:nvContentPartPr>
            <p14:xfrm>
              <a:off x="6693559" y="3839544"/>
              <a:ext cx="173520" cy="242280"/>
            </p14:xfrm>
          </p:contentPart>
        </mc:Choice>
        <mc:Fallback xmlns="">
          <p:pic>
            <p:nvPicPr>
              <p:cNvPr id="104" name="Ink 103">
                <a:extLst>
                  <a:ext uri="{FF2B5EF4-FFF2-40B4-BE49-F238E27FC236}">
                    <a16:creationId xmlns:a16="http://schemas.microsoft.com/office/drawing/2014/main" id="{3D224F1F-C7C1-6981-9000-20A5BF706838}"/>
                  </a:ext>
                </a:extLst>
              </p:cNvPr>
              <p:cNvPicPr/>
              <p:nvPr/>
            </p:nvPicPr>
            <p:blipFill>
              <a:blip r:embed="rId31"/>
              <a:stretch>
                <a:fillRect/>
              </a:stretch>
            </p:blipFill>
            <p:spPr>
              <a:xfrm>
                <a:off x="6682759" y="3828744"/>
                <a:ext cx="194760" cy="263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2">
            <p14:nvContentPartPr>
              <p14:cNvPr id="112" name="Ink 111">
                <a:extLst>
                  <a:ext uri="{FF2B5EF4-FFF2-40B4-BE49-F238E27FC236}">
                    <a16:creationId xmlns:a16="http://schemas.microsoft.com/office/drawing/2014/main" id="{24E300D7-3E88-3BBB-6CD9-9A3697AD8988}"/>
                  </a:ext>
                </a:extLst>
              </p14:cNvPr>
              <p14:cNvContentPartPr/>
              <p14:nvPr/>
            </p14:nvContentPartPr>
            <p14:xfrm>
              <a:off x="6932959" y="3886704"/>
              <a:ext cx="459720" cy="167040"/>
            </p14:xfrm>
          </p:contentPart>
        </mc:Choice>
        <mc:Fallback xmlns="">
          <p:pic>
            <p:nvPicPr>
              <p:cNvPr id="112" name="Ink 111">
                <a:extLst>
                  <a:ext uri="{FF2B5EF4-FFF2-40B4-BE49-F238E27FC236}">
                    <a16:creationId xmlns:a16="http://schemas.microsoft.com/office/drawing/2014/main" id="{24E300D7-3E88-3BBB-6CD9-9A3697AD8988}"/>
                  </a:ext>
                </a:extLst>
              </p:cNvPr>
              <p:cNvPicPr/>
              <p:nvPr/>
            </p:nvPicPr>
            <p:blipFill>
              <a:blip r:embed="rId33"/>
              <a:stretch>
                <a:fillRect/>
              </a:stretch>
            </p:blipFill>
            <p:spPr>
              <a:xfrm>
                <a:off x="6922159" y="3875904"/>
                <a:ext cx="480960" cy="188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4">
            <p14:nvContentPartPr>
              <p14:cNvPr id="115" name="Ink 114">
                <a:extLst>
                  <a:ext uri="{FF2B5EF4-FFF2-40B4-BE49-F238E27FC236}">
                    <a16:creationId xmlns:a16="http://schemas.microsoft.com/office/drawing/2014/main" id="{6E583FEA-C83D-1510-490F-BDCC66EE6F9E}"/>
                  </a:ext>
                </a:extLst>
              </p14:cNvPr>
              <p14:cNvContentPartPr/>
              <p14:nvPr/>
            </p14:nvContentPartPr>
            <p14:xfrm>
              <a:off x="5743879" y="3930624"/>
              <a:ext cx="60120" cy="72720"/>
            </p14:xfrm>
          </p:contentPart>
        </mc:Choice>
        <mc:Fallback xmlns="">
          <p:pic>
            <p:nvPicPr>
              <p:cNvPr id="115" name="Ink 114">
                <a:extLst>
                  <a:ext uri="{FF2B5EF4-FFF2-40B4-BE49-F238E27FC236}">
                    <a16:creationId xmlns:a16="http://schemas.microsoft.com/office/drawing/2014/main" id="{6E583FEA-C83D-1510-490F-BDCC66EE6F9E}"/>
                  </a:ext>
                </a:extLst>
              </p:cNvPr>
              <p:cNvPicPr/>
              <p:nvPr/>
            </p:nvPicPr>
            <p:blipFill>
              <a:blip r:embed="rId35"/>
              <a:stretch>
                <a:fillRect/>
              </a:stretch>
            </p:blipFill>
            <p:spPr>
              <a:xfrm>
                <a:off x="5733079" y="3919824"/>
                <a:ext cx="81360" cy="93960"/>
              </a:xfrm>
              <a:prstGeom prst="rect">
                <a:avLst/>
              </a:prstGeom>
            </p:spPr>
          </p:pic>
        </mc:Fallback>
      </mc:AlternateContent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C6890492-19A1-C7A6-3765-A522ACB7B199}"/>
              </a:ext>
            </a:extLst>
          </p:cNvPr>
          <p:cNvCxnSpPr>
            <a:cxnSpLocks/>
          </p:cNvCxnSpPr>
          <p:nvPr/>
        </p:nvCxnSpPr>
        <p:spPr>
          <a:xfrm flipV="1">
            <a:off x="2858174" y="2978324"/>
            <a:ext cx="2529900" cy="36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2" name="TextBox 11">
            <a:extLst>
              <a:ext uri="{FF2B5EF4-FFF2-40B4-BE49-F238E27FC236}">
                <a16:creationId xmlns:a16="http://schemas.microsoft.com/office/drawing/2014/main" id="{1BB72B8C-5620-A62B-6AD1-ED2E64BD6078}"/>
              </a:ext>
            </a:extLst>
          </p:cNvPr>
          <p:cNvSpPr txBox="1"/>
          <p:nvPr/>
        </p:nvSpPr>
        <p:spPr>
          <a:xfrm>
            <a:off x="3923999" y="27315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z</a:t>
            </a:r>
            <a:endParaRPr lang="en-US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36">
            <p14:nvContentPartPr>
              <p14:cNvPr id="16" name="Ink 15">
                <a:extLst>
                  <a:ext uri="{FF2B5EF4-FFF2-40B4-BE49-F238E27FC236}">
                    <a16:creationId xmlns:a16="http://schemas.microsoft.com/office/drawing/2014/main" id="{9E0B13DD-5988-9071-37A2-25510CF56EE7}"/>
                  </a:ext>
                </a:extLst>
              </p14:cNvPr>
              <p14:cNvContentPartPr/>
              <p14:nvPr/>
            </p14:nvContentPartPr>
            <p14:xfrm>
              <a:off x="1219282" y="2850829"/>
              <a:ext cx="78840" cy="113760"/>
            </p14:xfrm>
          </p:contentPart>
        </mc:Choice>
        <mc:Fallback xmlns="">
          <p:pic>
            <p:nvPicPr>
              <p:cNvPr id="16" name="Ink 15">
                <a:extLst>
                  <a:ext uri="{FF2B5EF4-FFF2-40B4-BE49-F238E27FC236}">
                    <a16:creationId xmlns:a16="http://schemas.microsoft.com/office/drawing/2014/main" id="{9E0B13DD-5988-9071-37A2-25510CF56EE7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1208482" y="2840029"/>
                <a:ext cx="100080" cy="135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7">
            <p14:nvContentPartPr>
              <p14:cNvPr id="17" name="Ink 16">
                <a:extLst>
                  <a:ext uri="{FF2B5EF4-FFF2-40B4-BE49-F238E27FC236}">
                    <a16:creationId xmlns:a16="http://schemas.microsoft.com/office/drawing/2014/main" id="{22ABE487-37E1-6D66-1E6D-8C2F2B0F7ECD}"/>
                  </a:ext>
                </a:extLst>
              </p14:cNvPr>
              <p14:cNvContentPartPr/>
              <p14:nvPr/>
            </p14:nvContentPartPr>
            <p14:xfrm>
              <a:off x="1342042" y="2844349"/>
              <a:ext cx="123120" cy="75960"/>
            </p14:xfrm>
          </p:contentPart>
        </mc:Choice>
        <mc:Fallback xmlns="">
          <p:pic>
            <p:nvPicPr>
              <p:cNvPr id="17" name="Ink 16">
                <a:extLst>
                  <a:ext uri="{FF2B5EF4-FFF2-40B4-BE49-F238E27FC236}">
                    <a16:creationId xmlns:a16="http://schemas.microsoft.com/office/drawing/2014/main" id="{22ABE487-37E1-6D66-1E6D-8C2F2B0F7ECD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1331242" y="2833549"/>
                <a:ext cx="144360" cy="97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8">
            <p14:nvContentPartPr>
              <p14:cNvPr id="19" name="Ink 18">
                <a:extLst>
                  <a:ext uri="{FF2B5EF4-FFF2-40B4-BE49-F238E27FC236}">
                    <a16:creationId xmlns:a16="http://schemas.microsoft.com/office/drawing/2014/main" id="{EBD6503A-0701-A142-7D1B-E1412AE9BCC6}"/>
                  </a:ext>
                </a:extLst>
              </p14:cNvPr>
              <p14:cNvContentPartPr/>
              <p14:nvPr/>
            </p14:nvContentPartPr>
            <p14:xfrm>
              <a:off x="1493242" y="2747149"/>
              <a:ext cx="619920" cy="281520"/>
            </p14:xfrm>
          </p:contentPart>
        </mc:Choice>
        <mc:Fallback xmlns="">
          <p:pic>
            <p:nvPicPr>
              <p:cNvPr id="19" name="Ink 18">
                <a:extLst>
                  <a:ext uri="{FF2B5EF4-FFF2-40B4-BE49-F238E27FC236}">
                    <a16:creationId xmlns:a16="http://schemas.microsoft.com/office/drawing/2014/main" id="{EBD6503A-0701-A142-7D1B-E1412AE9BCC6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1482448" y="2736363"/>
                <a:ext cx="641148" cy="30273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9">
            <p14:nvContentPartPr>
              <p14:cNvPr id="20" name="Ink 19">
                <a:extLst>
                  <a:ext uri="{FF2B5EF4-FFF2-40B4-BE49-F238E27FC236}">
                    <a16:creationId xmlns:a16="http://schemas.microsoft.com/office/drawing/2014/main" id="{5EA8778D-EC11-3B6D-E555-EACAC1383822}"/>
                  </a:ext>
                </a:extLst>
              </p14:cNvPr>
              <p14:cNvContentPartPr/>
              <p14:nvPr/>
            </p14:nvContentPartPr>
            <p14:xfrm>
              <a:off x="2185162" y="2756509"/>
              <a:ext cx="252000" cy="226800"/>
            </p14:xfrm>
          </p:contentPart>
        </mc:Choice>
        <mc:Fallback xmlns="">
          <p:pic>
            <p:nvPicPr>
              <p:cNvPr id="20" name="Ink 19">
                <a:extLst>
                  <a:ext uri="{FF2B5EF4-FFF2-40B4-BE49-F238E27FC236}">
                    <a16:creationId xmlns:a16="http://schemas.microsoft.com/office/drawing/2014/main" id="{5EA8778D-EC11-3B6D-E555-EACAC1383822}"/>
                  </a:ext>
                </a:extLst>
              </p:cNvPr>
              <p:cNvPicPr/>
              <p:nvPr/>
            </p:nvPicPr>
            <p:blipFill>
              <a:blip r:embed="rId19"/>
              <a:stretch>
                <a:fillRect/>
              </a:stretch>
            </p:blipFill>
            <p:spPr>
              <a:xfrm>
                <a:off x="2174377" y="2745709"/>
                <a:ext cx="273210" cy="248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0">
            <p14:nvContentPartPr>
              <p14:cNvPr id="21" name="Ink 20">
                <a:extLst>
                  <a:ext uri="{FF2B5EF4-FFF2-40B4-BE49-F238E27FC236}">
                    <a16:creationId xmlns:a16="http://schemas.microsoft.com/office/drawing/2014/main" id="{A1360695-27D9-C337-D286-85DE18497907}"/>
                  </a:ext>
                </a:extLst>
              </p14:cNvPr>
              <p14:cNvContentPartPr/>
              <p14:nvPr/>
            </p14:nvContentPartPr>
            <p14:xfrm>
              <a:off x="2468122" y="2860189"/>
              <a:ext cx="104040" cy="100800"/>
            </p14:xfrm>
          </p:contentPart>
        </mc:Choice>
        <mc:Fallback xmlns="">
          <p:pic>
            <p:nvPicPr>
              <p:cNvPr id="21" name="Ink 20">
                <a:extLst>
                  <a:ext uri="{FF2B5EF4-FFF2-40B4-BE49-F238E27FC236}">
                    <a16:creationId xmlns:a16="http://schemas.microsoft.com/office/drawing/2014/main" id="{A1360695-27D9-C337-D286-85DE18497907}"/>
                  </a:ext>
                </a:extLst>
              </p:cNvPr>
              <p:cNvPicPr/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2457322" y="2849389"/>
                <a:ext cx="125280" cy="122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1">
            <p14:nvContentPartPr>
              <p14:cNvPr id="22" name="Ink 21">
                <a:extLst>
                  <a:ext uri="{FF2B5EF4-FFF2-40B4-BE49-F238E27FC236}">
                    <a16:creationId xmlns:a16="http://schemas.microsoft.com/office/drawing/2014/main" id="{C4BC1D84-1DE7-33AA-7A6B-496A834D3DA6}"/>
                  </a:ext>
                </a:extLst>
              </p14:cNvPr>
              <p14:cNvContentPartPr/>
              <p14:nvPr/>
            </p14:nvContentPartPr>
            <p14:xfrm>
              <a:off x="2638042" y="2747149"/>
              <a:ext cx="117000" cy="230040"/>
            </p14:xfrm>
          </p:contentPart>
        </mc:Choice>
        <mc:Fallback xmlns="">
          <p:pic>
            <p:nvPicPr>
              <p:cNvPr id="22" name="Ink 21">
                <a:extLst>
                  <a:ext uri="{FF2B5EF4-FFF2-40B4-BE49-F238E27FC236}">
                    <a16:creationId xmlns:a16="http://schemas.microsoft.com/office/drawing/2014/main" id="{C4BC1D84-1DE7-33AA-7A6B-496A834D3DA6}"/>
                  </a:ext>
                </a:extLst>
              </p:cNvPr>
              <p:cNvPicPr/>
              <p:nvPr/>
            </p:nvPicPr>
            <p:blipFill>
              <a:blip r:embed="rId42"/>
              <a:stretch>
                <a:fillRect/>
              </a:stretch>
            </p:blipFill>
            <p:spPr>
              <a:xfrm>
                <a:off x="2627209" y="2736349"/>
                <a:ext cx="138306" cy="251280"/>
              </a:xfrm>
              <a:prstGeom prst="rect">
                <a:avLst/>
              </a:prstGeom>
            </p:spPr>
          </p:pic>
        </mc:Fallback>
      </mc:AlternateContent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51175B84-E53A-E4D2-F114-56F558D4EC57}"/>
              </a:ext>
            </a:extLst>
          </p:cNvPr>
          <p:cNvCxnSpPr>
            <a:cxnSpLocks/>
          </p:cNvCxnSpPr>
          <p:nvPr/>
        </p:nvCxnSpPr>
        <p:spPr>
          <a:xfrm flipH="1">
            <a:off x="2859074" y="3368924"/>
            <a:ext cx="2586600" cy="189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4" name="TextBox 23">
            <a:extLst>
              <a:ext uri="{FF2B5EF4-FFF2-40B4-BE49-F238E27FC236}">
                <a16:creationId xmlns:a16="http://schemas.microsoft.com/office/drawing/2014/main" id="{8B1720C8-FAA5-2B8B-E71E-57A0F9081388}"/>
              </a:ext>
            </a:extLst>
          </p:cNvPr>
          <p:cNvSpPr txBox="1"/>
          <p:nvPr/>
        </p:nvSpPr>
        <p:spPr>
          <a:xfrm>
            <a:off x="3923999" y="3051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c</a:t>
            </a:r>
            <a:endParaRPr lang="en-US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43">
            <p14:nvContentPartPr>
              <p14:cNvPr id="25" name="Ink 24">
                <a:extLst>
                  <a:ext uri="{FF2B5EF4-FFF2-40B4-BE49-F238E27FC236}">
                    <a16:creationId xmlns:a16="http://schemas.microsoft.com/office/drawing/2014/main" id="{4BA0392A-4F2B-9AA3-B5B5-308A86C4DDF5}"/>
                  </a:ext>
                </a:extLst>
              </p14:cNvPr>
              <p14:cNvContentPartPr/>
              <p14:nvPr/>
            </p14:nvContentPartPr>
            <p14:xfrm>
              <a:off x="5642377" y="3303100"/>
              <a:ext cx="295920" cy="91440"/>
            </p14:xfrm>
          </p:contentPart>
        </mc:Choice>
        <mc:Fallback xmlns="">
          <p:pic>
            <p:nvPicPr>
              <p:cNvPr id="25" name="Ink 24">
                <a:extLst>
                  <a:ext uri="{FF2B5EF4-FFF2-40B4-BE49-F238E27FC236}">
                    <a16:creationId xmlns:a16="http://schemas.microsoft.com/office/drawing/2014/main" id="{4BA0392A-4F2B-9AA3-B5B5-308A86C4DDF5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5631577" y="3292342"/>
                <a:ext cx="317160" cy="112597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4">
            <p14:nvContentPartPr>
              <p14:cNvPr id="26" name="Ink 25">
                <a:extLst>
                  <a:ext uri="{FF2B5EF4-FFF2-40B4-BE49-F238E27FC236}">
                    <a16:creationId xmlns:a16="http://schemas.microsoft.com/office/drawing/2014/main" id="{4EAB469D-E159-1FCE-CF65-5EC931312798}"/>
                  </a:ext>
                </a:extLst>
              </p14:cNvPr>
              <p14:cNvContentPartPr/>
              <p14:nvPr/>
            </p14:nvContentPartPr>
            <p14:xfrm>
              <a:off x="5805817" y="3299860"/>
              <a:ext cx="176400" cy="147960"/>
            </p14:xfrm>
          </p:contentPart>
        </mc:Choice>
        <mc:Fallback xmlns="">
          <p:pic>
            <p:nvPicPr>
              <p:cNvPr id="26" name="Ink 25">
                <a:extLst>
                  <a:ext uri="{FF2B5EF4-FFF2-40B4-BE49-F238E27FC236}">
                    <a16:creationId xmlns:a16="http://schemas.microsoft.com/office/drawing/2014/main" id="{4EAB469D-E159-1FCE-CF65-5EC931312798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5795039" y="3289086"/>
                <a:ext cx="197597" cy="16914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5">
            <p14:nvContentPartPr>
              <p14:cNvPr id="28" name="Ink 27">
                <a:extLst>
                  <a:ext uri="{FF2B5EF4-FFF2-40B4-BE49-F238E27FC236}">
                    <a16:creationId xmlns:a16="http://schemas.microsoft.com/office/drawing/2014/main" id="{38261F94-4F3A-14A7-1084-8C9AF4C77E03}"/>
                  </a:ext>
                </a:extLst>
              </p14:cNvPr>
              <p14:cNvContentPartPr/>
              <p14:nvPr/>
            </p14:nvContentPartPr>
            <p14:xfrm>
              <a:off x="6070057" y="3227500"/>
              <a:ext cx="591840" cy="225000"/>
            </p14:xfrm>
          </p:contentPart>
        </mc:Choice>
        <mc:Fallback xmlns="">
          <p:pic>
            <p:nvPicPr>
              <p:cNvPr id="28" name="Ink 27">
                <a:extLst>
                  <a:ext uri="{FF2B5EF4-FFF2-40B4-BE49-F238E27FC236}">
                    <a16:creationId xmlns:a16="http://schemas.microsoft.com/office/drawing/2014/main" id="{38261F94-4F3A-14A7-1084-8C9AF4C77E03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6059257" y="3216700"/>
                <a:ext cx="613080" cy="246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6">
            <p14:nvContentPartPr>
              <p14:cNvPr id="30" name="Ink 29">
                <a:extLst>
                  <a:ext uri="{FF2B5EF4-FFF2-40B4-BE49-F238E27FC236}">
                    <a16:creationId xmlns:a16="http://schemas.microsoft.com/office/drawing/2014/main" id="{85BEC739-752B-DA6B-003B-EAC35AB50FD7}"/>
                  </a:ext>
                </a:extLst>
              </p14:cNvPr>
              <p14:cNvContentPartPr/>
              <p14:nvPr/>
            </p14:nvContentPartPr>
            <p14:xfrm>
              <a:off x="4072940" y="2424975"/>
              <a:ext cx="42480" cy="49680"/>
            </p14:xfrm>
          </p:contentPart>
        </mc:Choice>
        <mc:Fallback xmlns="">
          <p:pic>
            <p:nvPicPr>
              <p:cNvPr id="30" name="Ink 29">
                <a:extLst>
                  <a:ext uri="{FF2B5EF4-FFF2-40B4-BE49-F238E27FC236}">
                    <a16:creationId xmlns:a16="http://schemas.microsoft.com/office/drawing/2014/main" id="{85BEC739-752B-DA6B-003B-EAC35AB50FD7}"/>
                  </a:ext>
                </a:extLst>
              </p:cNvPr>
              <p:cNvPicPr/>
              <p:nvPr/>
            </p:nvPicPr>
            <p:blipFill>
              <a:blip r:embed="rId47"/>
              <a:stretch>
                <a:fillRect/>
              </a:stretch>
            </p:blipFill>
            <p:spPr>
              <a:xfrm>
                <a:off x="4062140" y="2414175"/>
                <a:ext cx="63720" cy="709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8">
            <p14:nvContentPartPr>
              <p14:cNvPr id="31" name="Ink 30">
                <a:extLst>
                  <a:ext uri="{FF2B5EF4-FFF2-40B4-BE49-F238E27FC236}">
                    <a16:creationId xmlns:a16="http://schemas.microsoft.com/office/drawing/2014/main" id="{A25B6AC6-A96B-D1FB-1C25-1E41432C1905}"/>
                  </a:ext>
                </a:extLst>
              </p14:cNvPr>
              <p14:cNvContentPartPr/>
              <p14:nvPr/>
            </p14:nvContentPartPr>
            <p14:xfrm>
              <a:off x="4093820" y="2914215"/>
              <a:ext cx="37800" cy="35640"/>
            </p14:xfrm>
          </p:contentPart>
        </mc:Choice>
        <mc:Fallback xmlns="">
          <p:pic>
            <p:nvPicPr>
              <p:cNvPr id="31" name="Ink 30">
                <a:extLst>
                  <a:ext uri="{FF2B5EF4-FFF2-40B4-BE49-F238E27FC236}">
                    <a16:creationId xmlns:a16="http://schemas.microsoft.com/office/drawing/2014/main" id="{A25B6AC6-A96B-D1FB-1C25-1E41432C1905}"/>
                  </a:ext>
                </a:extLst>
              </p:cNvPr>
              <p:cNvPicPr/>
              <p:nvPr/>
            </p:nvPicPr>
            <p:blipFill>
              <a:blip r:embed="rId49"/>
              <a:stretch>
                <a:fillRect/>
              </a:stretch>
            </p:blipFill>
            <p:spPr>
              <a:xfrm>
                <a:off x="4083020" y="2903415"/>
                <a:ext cx="59040" cy="56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0">
            <p14:nvContentPartPr>
              <p14:cNvPr id="32" name="Ink 31">
                <a:extLst>
                  <a:ext uri="{FF2B5EF4-FFF2-40B4-BE49-F238E27FC236}">
                    <a16:creationId xmlns:a16="http://schemas.microsoft.com/office/drawing/2014/main" id="{73A54907-2198-DEE9-DCF5-4C18F24504DF}"/>
                  </a:ext>
                </a:extLst>
              </p14:cNvPr>
              <p14:cNvContentPartPr/>
              <p14:nvPr/>
            </p14:nvContentPartPr>
            <p14:xfrm>
              <a:off x="4112900" y="3232455"/>
              <a:ext cx="54000" cy="49680"/>
            </p14:xfrm>
          </p:contentPart>
        </mc:Choice>
        <mc:Fallback xmlns="">
          <p:pic>
            <p:nvPicPr>
              <p:cNvPr id="32" name="Ink 31">
                <a:extLst>
                  <a:ext uri="{FF2B5EF4-FFF2-40B4-BE49-F238E27FC236}">
                    <a16:creationId xmlns:a16="http://schemas.microsoft.com/office/drawing/2014/main" id="{73A54907-2198-DEE9-DCF5-4C18F24504DF}"/>
                  </a:ext>
                </a:extLst>
              </p:cNvPr>
              <p:cNvPicPr/>
              <p:nvPr/>
            </p:nvPicPr>
            <p:blipFill>
              <a:blip r:embed="rId51"/>
              <a:stretch>
                <a:fillRect/>
              </a:stretch>
            </p:blipFill>
            <p:spPr>
              <a:xfrm>
                <a:off x="4102100" y="3221576"/>
                <a:ext cx="75240" cy="71075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2">
            <p14:nvContentPartPr>
              <p14:cNvPr id="33" name="Ink 32">
                <a:extLst>
                  <a:ext uri="{FF2B5EF4-FFF2-40B4-BE49-F238E27FC236}">
                    <a16:creationId xmlns:a16="http://schemas.microsoft.com/office/drawing/2014/main" id="{93CB4B62-51C2-71EB-52DD-F2C8AE7CF038}"/>
                  </a:ext>
                </a:extLst>
              </p14:cNvPr>
              <p14:cNvContentPartPr/>
              <p14:nvPr/>
            </p14:nvContentPartPr>
            <p14:xfrm>
              <a:off x="4103180" y="3628095"/>
              <a:ext cx="63720" cy="54360"/>
            </p14:xfrm>
          </p:contentPart>
        </mc:Choice>
        <mc:Fallback xmlns="">
          <p:pic>
            <p:nvPicPr>
              <p:cNvPr id="33" name="Ink 32">
                <a:extLst>
                  <a:ext uri="{FF2B5EF4-FFF2-40B4-BE49-F238E27FC236}">
                    <a16:creationId xmlns:a16="http://schemas.microsoft.com/office/drawing/2014/main" id="{93CB4B62-51C2-71EB-52DD-F2C8AE7CF038}"/>
                  </a:ext>
                </a:extLst>
              </p:cNvPr>
              <p:cNvPicPr/>
              <p:nvPr/>
            </p:nvPicPr>
            <p:blipFill>
              <a:blip r:embed="rId53"/>
              <a:stretch>
                <a:fillRect/>
              </a:stretch>
            </p:blipFill>
            <p:spPr>
              <a:xfrm>
                <a:off x="4092319" y="3617295"/>
                <a:ext cx="85081" cy="756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4">
            <p14:nvContentPartPr>
              <p14:cNvPr id="34" name="Ink 33">
                <a:extLst>
                  <a:ext uri="{FF2B5EF4-FFF2-40B4-BE49-F238E27FC236}">
                    <a16:creationId xmlns:a16="http://schemas.microsoft.com/office/drawing/2014/main" id="{B31BDC59-BAA8-7894-5C08-0CEC17A364BF}"/>
                  </a:ext>
                </a:extLst>
              </p14:cNvPr>
              <p14:cNvContentPartPr/>
              <p14:nvPr/>
            </p14:nvContentPartPr>
            <p14:xfrm>
              <a:off x="5734700" y="2567535"/>
              <a:ext cx="37800" cy="56520"/>
            </p14:xfrm>
          </p:contentPart>
        </mc:Choice>
        <mc:Fallback xmlns="">
          <p:pic>
            <p:nvPicPr>
              <p:cNvPr id="34" name="Ink 33">
                <a:extLst>
                  <a:ext uri="{FF2B5EF4-FFF2-40B4-BE49-F238E27FC236}">
                    <a16:creationId xmlns:a16="http://schemas.microsoft.com/office/drawing/2014/main" id="{B31BDC59-BAA8-7894-5C08-0CEC17A364BF}"/>
                  </a:ext>
                </a:extLst>
              </p:cNvPr>
              <p:cNvPicPr/>
              <p:nvPr/>
            </p:nvPicPr>
            <p:blipFill>
              <a:blip r:embed="rId55"/>
              <a:stretch>
                <a:fillRect/>
              </a:stretch>
            </p:blipFill>
            <p:spPr>
              <a:xfrm>
                <a:off x="5723900" y="2556735"/>
                <a:ext cx="59040" cy="777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6">
            <p14:nvContentPartPr>
              <p14:cNvPr id="35" name="Ink 34">
                <a:extLst>
                  <a:ext uri="{FF2B5EF4-FFF2-40B4-BE49-F238E27FC236}">
                    <a16:creationId xmlns:a16="http://schemas.microsoft.com/office/drawing/2014/main" id="{16E4EFE3-C5DE-2210-DE03-9440391892D1}"/>
                  </a:ext>
                </a:extLst>
              </p14:cNvPr>
              <p14:cNvContentPartPr/>
              <p14:nvPr/>
            </p14:nvContentPartPr>
            <p14:xfrm>
              <a:off x="5776820" y="3375375"/>
              <a:ext cx="54360" cy="77760"/>
            </p14:xfrm>
          </p:contentPart>
        </mc:Choice>
        <mc:Fallback xmlns="">
          <p:pic>
            <p:nvPicPr>
              <p:cNvPr id="35" name="Ink 34">
                <a:extLst>
                  <a:ext uri="{FF2B5EF4-FFF2-40B4-BE49-F238E27FC236}">
                    <a16:creationId xmlns:a16="http://schemas.microsoft.com/office/drawing/2014/main" id="{16E4EFE3-C5DE-2210-DE03-9440391892D1}"/>
                  </a:ext>
                </a:extLst>
              </p:cNvPr>
              <p:cNvPicPr/>
              <p:nvPr/>
            </p:nvPicPr>
            <p:blipFill>
              <a:blip r:embed="rId57"/>
              <a:stretch>
                <a:fillRect/>
              </a:stretch>
            </p:blipFill>
            <p:spPr>
              <a:xfrm>
                <a:off x="5765948" y="3364575"/>
                <a:ext cx="75742" cy="99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58">
            <p14:nvContentPartPr>
              <p14:cNvPr id="36" name="Ink 35">
                <a:extLst>
                  <a:ext uri="{FF2B5EF4-FFF2-40B4-BE49-F238E27FC236}">
                    <a16:creationId xmlns:a16="http://schemas.microsoft.com/office/drawing/2014/main" id="{93321DDC-C261-D0FE-4349-1E879E4B0AD8}"/>
                  </a:ext>
                </a:extLst>
              </p14:cNvPr>
              <p14:cNvContentPartPr/>
              <p14:nvPr/>
            </p14:nvContentPartPr>
            <p14:xfrm>
              <a:off x="6612740" y="2551695"/>
              <a:ext cx="40320" cy="84240"/>
            </p14:xfrm>
          </p:contentPart>
        </mc:Choice>
        <mc:Fallback xmlns="">
          <p:pic>
            <p:nvPicPr>
              <p:cNvPr id="36" name="Ink 35">
                <a:extLst>
                  <a:ext uri="{FF2B5EF4-FFF2-40B4-BE49-F238E27FC236}">
                    <a16:creationId xmlns:a16="http://schemas.microsoft.com/office/drawing/2014/main" id="{93321DDC-C261-D0FE-4349-1E879E4B0AD8}"/>
                  </a:ext>
                </a:extLst>
              </p:cNvPr>
              <p:cNvPicPr/>
              <p:nvPr/>
            </p:nvPicPr>
            <p:blipFill>
              <a:blip r:embed="rId59"/>
              <a:stretch>
                <a:fillRect/>
              </a:stretch>
            </p:blipFill>
            <p:spPr>
              <a:xfrm>
                <a:off x="6601940" y="2540895"/>
                <a:ext cx="61560" cy="1054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0">
            <p14:nvContentPartPr>
              <p14:cNvPr id="37" name="Ink 36">
                <a:extLst>
                  <a:ext uri="{FF2B5EF4-FFF2-40B4-BE49-F238E27FC236}">
                    <a16:creationId xmlns:a16="http://schemas.microsoft.com/office/drawing/2014/main" id="{82629EE7-A276-4A5A-0A05-6C5E111333A4}"/>
                  </a:ext>
                </a:extLst>
              </p14:cNvPr>
              <p14:cNvContentPartPr/>
              <p14:nvPr/>
            </p14:nvContentPartPr>
            <p14:xfrm>
              <a:off x="6633620" y="3403455"/>
              <a:ext cx="37800" cy="77760"/>
            </p14:xfrm>
          </p:contentPart>
        </mc:Choice>
        <mc:Fallback xmlns="">
          <p:pic>
            <p:nvPicPr>
              <p:cNvPr id="37" name="Ink 36">
                <a:extLst>
                  <a:ext uri="{FF2B5EF4-FFF2-40B4-BE49-F238E27FC236}">
                    <a16:creationId xmlns:a16="http://schemas.microsoft.com/office/drawing/2014/main" id="{82629EE7-A276-4A5A-0A05-6C5E111333A4}"/>
                  </a:ext>
                </a:extLst>
              </p:cNvPr>
              <p:cNvPicPr/>
              <p:nvPr/>
            </p:nvPicPr>
            <p:blipFill>
              <a:blip r:embed="rId61"/>
              <a:stretch>
                <a:fillRect/>
              </a:stretch>
            </p:blipFill>
            <p:spPr>
              <a:xfrm>
                <a:off x="6622820" y="3392655"/>
                <a:ext cx="59040" cy="99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2">
            <p14:nvContentPartPr>
              <p14:cNvPr id="38" name="Ink 37">
                <a:extLst>
                  <a:ext uri="{FF2B5EF4-FFF2-40B4-BE49-F238E27FC236}">
                    <a16:creationId xmlns:a16="http://schemas.microsoft.com/office/drawing/2014/main" id="{A11FFE10-9A6D-7107-69B4-133B2E033C1A}"/>
                  </a:ext>
                </a:extLst>
              </p14:cNvPr>
              <p14:cNvContentPartPr/>
              <p14:nvPr/>
            </p14:nvContentPartPr>
            <p14:xfrm>
              <a:off x="1284753" y="2966089"/>
              <a:ext cx="47160" cy="48960"/>
            </p14:xfrm>
          </p:contentPart>
        </mc:Choice>
        <mc:Fallback xmlns="">
          <p:pic>
            <p:nvPicPr>
              <p:cNvPr id="38" name="Ink 37">
                <a:extLst>
                  <a:ext uri="{FF2B5EF4-FFF2-40B4-BE49-F238E27FC236}">
                    <a16:creationId xmlns:a16="http://schemas.microsoft.com/office/drawing/2014/main" id="{A11FFE10-9A6D-7107-69B4-133B2E033C1A}"/>
                  </a:ext>
                </a:extLst>
              </p:cNvPr>
              <p:cNvPicPr/>
              <p:nvPr/>
            </p:nvPicPr>
            <p:blipFill>
              <a:blip r:embed="rId63"/>
              <a:stretch>
                <a:fillRect/>
              </a:stretch>
            </p:blipFill>
            <p:spPr>
              <a:xfrm>
                <a:off x="1273953" y="2955289"/>
                <a:ext cx="68400" cy="70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4">
            <p14:nvContentPartPr>
              <p14:cNvPr id="39" name="Ink 38">
                <a:extLst>
                  <a:ext uri="{FF2B5EF4-FFF2-40B4-BE49-F238E27FC236}">
                    <a16:creationId xmlns:a16="http://schemas.microsoft.com/office/drawing/2014/main" id="{E78999CE-AFE0-959E-A5C4-6F5D25536D7D}"/>
                  </a:ext>
                </a:extLst>
              </p14:cNvPr>
              <p14:cNvContentPartPr/>
              <p14:nvPr/>
            </p14:nvContentPartPr>
            <p14:xfrm>
              <a:off x="2108793" y="2970409"/>
              <a:ext cx="45000" cy="42480"/>
            </p14:xfrm>
          </p:contentPart>
        </mc:Choice>
        <mc:Fallback xmlns="">
          <p:pic>
            <p:nvPicPr>
              <p:cNvPr id="39" name="Ink 38">
                <a:extLst>
                  <a:ext uri="{FF2B5EF4-FFF2-40B4-BE49-F238E27FC236}">
                    <a16:creationId xmlns:a16="http://schemas.microsoft.com/office/drawing/2014/main" id="{E78999CE-AFE0-959E-A5C4-6F5D25536D7D}"/>
                  </a:ext>
                </a:extLst>
              </p:cNvPr>
              <p:cNvPicPr/>
              <p:nvPr/>
            </p:nvPicPr>
            <p:blipFill>
              <a:blip r:embed="rId65"/>
              <a:stretch>
                <a:fillRect/>
              </a:stretch>
            </p:blipFill>
            <p:spPr>
              <a:xfrm>
                <a:off x="2097906" y="2959609"/>
                <a:ext cx="66411" cy="637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6">
            <p14:nvContentPartPr>
              <p14:cNvPr id="40" name="Ink 39">
                <a:extLst>
                  <a:ext uri="{FF2B5EF4-FFF2-40B4-BE49-F238E27FC236}">
                    <a16:creationId xmlns:a16="http://schemas.microsoft.com/office/drawing/2014/main" id="{A1C9CD2E-FC50-C3ED-8636-0A1A4F09B637}"/>
                  </a:ext>
                </a:extLst>
              </p14:cNvPr>
              <p14:cNvContentPartPr/>
              <p14:nvPr/>
            </p14:nvContentPartPr>
            <p14:xfrm>
              <a:off x="2649513" y="2956369"/>
              <a:ext cx="35640" cy="33120"/>
            </p14:xfrm>
          </p:contentPart>
        </mc:Choice>
        <mc:Fallback xmlns="">
          <p:pic>
            <p:nvPicPr>
              <p:cNvPr id="40" name="Ink 39">
                <a:extLst>
                  <a:ext uri="{FF2B5EF4-FFF2-40B4-BE49-F238E27FC236}">
                    <a16:creationId xmlns:a16="http://schemas.microsoft.com/office/drawing/2014/main" id="{A1C9CD2E-FC50-C3ED-8636-0A1A4F09B637}"/>
                  </a:ext>
                </a:extLst>
              </p:cNvPr>
              <p:cNvPicPr/>
              <p:nvPr/>
            </p:nvPicPr>
            <p:blipFill>
              <a:blip r:embed="rId67"/>
              <a:stretch>
                <a:fillRect/>
              </a:stretch>
            </p:blipFill>
            <p:spPr>
              <a:xfrm>
                <a:off x="2638603" y="2945569"/>
                <a:ext cx="57097" cy="543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8">
            <p14:nvContentPartPr>
              <p14:cNvPr id="41" name="Ink 40">
                <a:extLst>
                  <a:ext uri="{FF2B5EF4-FFF2-40B4-BE49-F238E27FC236}">
                    <a16:creationId xmlns:a16="http://schemas.microsoft.com/office/drawing/2014/main" id="{D7F5B1E7-681A-DFF3-03FD-2E1DBF4E1C6F}"/>
                  </a:ext>
                </a:extLst>
              </p14:cNvPr>
              <p14:cNvContentPartPr/>
              <p14:nvPr/>
            </p14:nvContentPartPr>
            <p14:xfrm>
              <a:off x="842549" y="3667749"/>
              <a:ext cx="42480" cy="63720"/>
            </p14:xfrm>
          </p:contentPart>
        </mc:Choice>
        <mc:Fallback xmlns="">
          <p:pic>
            <p:nvPicPr>
              <p:cNvPr id="41" name="Ink 40">
                <a:extLst>
                  <a:ext uri="{FF2B5EF4-FFF2-40B4-BE49-F238E27FC236}">
                    <a16:creationId xmlns:a16="http://schemas.microsoft.com/office/drawing/2014/main" id="{D7F5B1E7-681A-DFF3-03FD-2E1DBF4E1C6F}"/>
                  </a:ext>
                </a:extLst>
              </p:cNvPr>
              <p:cNvPicPr/>
              <p:nvPr/>
            </p:nvPicPr>
            <p:blipFill>
              <a:blip r:embed="rId69"/>
              <a:stretch>
                <a:fillRect/>
              </a:stretch>
            </p:blipFill>
            <p:spPr>
              <a:xfrm>
                <a:off x="831749" y="3656888"/>
                <a:ext cx="63720" cy="8508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0">
            <p14:nvContentPartPr>
              <p14:cNvPr id="44" name="Ink 43">
                <a:extLst>
                  <a:ext uri="{FF2B5EF4-FFF2-40B4-BE49-F238E27FC236}">
                    <a16:creationId xmlns:a16="http://schemas.microsoft.com/office/drawing/2014/main" id="{541D123D-C8E1-6A75-21A4-7F42AAB81EDC}"/>
                  </a:ext>
                </a:extLst>
              </p14:cNvPr>
              <p14:cNvContentPartPr/>
              <p14:nvPr/>
            </p14:nvContentPartPr>
            <p14:xfrm>
              <a:off x="2209469" y="3658389"/>
              <a:ext cx="75240" cy="66240"/>
            </p14:xfrm>
          </p:contentPart>
        </mc:Choice>
        <mc:Fallback xmlns="">
          <p:pic>
            <p:nvPicPr>
              <p:cNvPr id="44" name="Ink 43">
                <a:extLst>
                  <a:ext uri="{FF2B5EF4-FFF2-40B4-BE49-F238E27FC236}">
                    <a16:creationId xmlns:a16="http://schemas.microsoft.com/office/drawing/2014/main" id="{541D123D-C8E1-6A75-21A4-7F42AAB81EDC}"/>
                  </a:ext>
                </a:extLst>
              </p:cNvPr>
              <p:cNvPicPr/>
              <p:nvPr/>
            </p:nvPicPr>
            <p:blipFill>
              <a:blip r:embed="rId71"/>
              <a:stretch>
                <a:fillRect/>
              </a:stretch>
            </p:blipFill>
            <p:spPr>
              <a:xfrm>
                <a:off x="2198669" y="3647530"/>
                <a:ext cx="96480" cy="87596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2">
            <p14:nvContentPartPr>
              <p14:cNvPr id="50" name="Ink 49">
                <a:extLst>
                  <a:ext uri="{FF2B5EF4-FFF2-40B4-BE49-F238E27FC236}">
                    <a16:creationId xmlns:a16="http://schemas.microsoft.com/office/drawing/2014/main" id="{2F25E4F2-9260-810D-5870-855F11430800}"/>
                  </a:ext>
                </a:extLst>
              </p14:cNvPr>
              <p14:cNvContentPartPr/>
              <p14:nvPr/>
            </p14:nvContentPartPr>
            <p14:xfrm>
              <a:off x="2324309" y="3592869"/>
              <a:ext cx="140760" cy="131400"/>
            </p14:xfrm>
          </p:contentPart>
        </mc:Choice>
        <mc:Fallback xmlns="">
          <p:pic>
            <p:nvPicPr>
              <p:cNvPr id="50" name="Ink 49">
                <a:extLst>
                  <a:ext uri="{FF2B5EF4-FFF2-40B4-BE49-F238E27FC236}">
                    <a16:creationId xmlns:a16="http://schemas.microsoft.com/office/drawing/2014/main" id="{2F25E4F2-9260-810D-5870-855F11430800}"/>
                  </a:ext>
                </a:extLst>
              </p:cNvPr>
              <p:cNvPicPr/>
              <p:nvPr/>
            </p:nvPicPr>
            <p:blipFill>
              <a:blip r:embed="rId73"/>
              <a:stretch>
                <a:fillRect/>
              </a:stretch>
            </p:blipFill>
            <p:spPr>
              <a:xfrm>
                <a:off x="2313509" y="3582069"/>
                <a:ext cx="162000" cy="1526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4">
            <p14:nvContentPartPr>
              <p14:cNvPr id="54" name="Ink 53">
                <a:extLst>
                  <a:ext uri="{FF2B5EF4-FFF2-40B4-BE49-F238E27FC236}">
                    <a16:creationId xmlns:a16="http://schemas.microsoft.com/office/drawing/2014/main" id="{2DB8FA2B-DF62-1589-3E45-6F0CC8838DAC}"/>
                  </a:ext>
                </a:extLst>
              </p14:cNvPr>
              <p14:cNvContentPartPr/>
              <p14:nvPr/>
            </p14:nvContentPartPr>
            <p14:xfrm>
              <a:off x="2508989" y="3520509"/>
              <a:ext cx="148320" cy="180720"/>
            </p14:xfrm>
          </p:contentPart>
        </mc:Choice>
        <mc:Fallback xmlns="">
          <p:pic>
            <p:nvPicPr>
              <p:cNvPr id="54" name="Ink 53">
                <a:extLst>
                  <a:ext uri="{FF2B5EF4-FFF2-40B4-BE49-F238E27FC236}">
                    <a16:creationId xmlns:a16="http://schemas.microsoft.com/office/drawing/2014/main" id="{2DB8FA2B-DF62-1589-3E45-6F0CC8838DAC}"/>
                  </a:ext>
                </a:extLst>
              </p:cNvPr>
              <p:cNvPicPr/>
              <p:nvPr/>
            </p:nvPicPr>
            <p:blipFill>
              <a:blip r:embed="rId75"/>
              <a:stretch>
                <a:fillRect/>
              </a:stretch>
            </p:blipFill>
            <p:spPr>
              <a:xfrm>
                <a:off x="2498163" y="3509709"/>
                <a:ext cx="169612" cy="2019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6">
            <p14:nvContentPartPr>
              <p14:cNvPr id="55" name="Ink 54">
                <a:extLst>
                  <a:ext uri="{FF2B5EF4-FFF2-40B4-BE49-F238E27FC236}">
                    <a16:creationId xmlns:a16="http://schemas.microsoft.com/office/drawing/2014/main" id="{FB672568-E0ED-A06D-05B5-BE63F95BA3BF}"/>
                  </a:ext>
                </a:extLst>
              </p14:cNvPr>
              <p14:cNvContentPartPr/>
              <p14:nvPr/>
            </p14:nvContentPartPr>
            <p14:xfrm>
              <a:off x="7202420" y="3990744"/>
              <a:ext cx="40320" cy="40320"/>
            </p14:xfrm>
          </p:contentPart>
        </mc:Choice>
        <mc:Fallback xmlns="">
          <p:pic>
            <p:nvPicPr>
              <p:cNvPr id="55" name="Ink 54">
                <a:extLst>
                  <a:ext uri="{FF2B5EF4-FFF2-40B4-BE49-F238E27FC236}">
                    <a16:creationId xmlns:a16="http://schemas.microsoft.com/office/drawing/2014/main" id="{FB672568-E0ED-A06D-05B5-BE63F95BA3BF}"/>
                  </a:ext>
                </a:extLst>
              </p:cNvPr>
              <p:cNvPicPr/>
              <p:nvPr/>
            </p:nvPicPr>
            <p:blipFill>
              <a:blip r:embed="rId77"/>
              <a:stretch>
                <a:fillRect/>
              </a:stretch>
            </p:blipFill>
            <p:spPr>
              <a:xfrm>
                <a:off x="7191523" y="3979847"/>
                <a:ext cx="61751" cy="61751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78">
            <p14:nvContentPartPr>
              <p14:cNvPr id="63" name="Ink 62">
                <a:extLst>
                  <a:ext uri="{FF2B5EF4-FFF2-40B4-BE49-F238E27FC236}">
                    <a16:creationId xmlns:a16="http://schemas.microsoft.com/office/drawing/2014/main" id="{521E886E-F2F4-38C0-74DC-030A82A5D31B}"/>
                  </a:ext>
                </a:extLst>
              </p14:cNvPr>
              <p14:cNvContentPartPr/>
              <p14:nvPr/>
            </p14:nvContentPartPr>
            <p14:xfrm>
              <a:off x="7389620" y="3929904"/>
              <a:ext cx="297720" cy="129240"/>
            </p14:xfrm>
          </p:contentPart>
        </mc:Choice>
        <mc:Fallback xmlns="">
          <p:pic>
            <p:nvPicPr>
              <p:cNvPr id="63" name="Ink 62">
                <a:extLst>
                  <a:ext uri="{FF2B5EF4-FFF2-40B4-BE49-F238E27FC236}">
                    <a16:creationId xmlns:a16="http://schemas.microsoft.com/office/drawing/2014/main" id="{521E886E-F2F4-38C0-74DC-030A82A5D31B}"/>
                  </a:ext>
                </a:extLst>
              </p:cNvPr>
              <p:cNvPicPr/>
              <p:nvPr/>
            </p:nvPicPr>
            <p:blipFill>
              <a:blip r:embed="rId79"/>
              <a:stretch>
                <a:fillRect/>
              </a:stretch>
            </p:blipFill>
            <p:spPr>
              <a:xfrm>
                <a:off x="7378820" y="3919074"/>
                <a:ext cx="318960" cy="150539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0">
            <p14:nvContentPartPr>
              <p14:cNvPr id="69" name="Ink 68">
                <a:extLst>
                  <a:ext uri="{FF2B5EF4-FFF2-40B4-BE49-F238E27FC236}">
                    <a16:creationId xmlns:a16="http://schemas.microsoft.com/office/drawing/2014/main" id="{CA4DF545-D6EA-A3D3-AAE4-848BCA08AAE1}"/>
                  </a:ext>
                </a:extLst>
              </p14:cNvPr>
              <p14:cNvContentPartPr/>
              <p14:nvPr/>
            </p14:nvContentPartPr>
            <p14:xfrm>
              <a:off x="7738460" y="3840984"/>
              <a:ext cx="169200" cy="218160"/>
            </p14:xfrm>
          </p:contentPart>
        </mc:Choice>
        <mc:Fallback xmlns="">
          <p:pic>
            <p:nvPicPr>
              <p:cNvPr id="69" name="Ink 68">
                <a:extLst>
                  <a:ext uri="{FF2B5EF4-FFF2-40B4-BE49-F238E27FC236}">
                    <a16:creationId xmlns:a16="http://schemas.microsoft.com/office/drawing/2014/main" id="{CA4DF545-D6EA-A3D3-AAE4-848BCA08AAE1}"/>
                  </a:ext>
                </a:extLst>
              </p:cNvPr>
              <p:cNvPicPr/>
              <p:nvPr/>
            </p:nvPicPr>
            <p:blipFill>
              <a:blip r:embed="rId81"/>
              <a:stretch>
                <a:fillRect/>
              </a:stretch>
            </p:blipFill>
            <p:spPr>
              <a:xfrm>
                <a:off x="7727637" y="3830166"/>
                <a:ext cx="190485" cy="239435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28916395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9A6B75B-CCA3-66DA-3AA0-3A4B47E7B5F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Security Properties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50A2A969-D6B8-8621-B863-38FFB0F54FF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824" y="1306642"/>
            <a:ext cx="7682501" cy="2922458"/>
          </a:xfrm>
        </p:spPr>
        <p:txBody>
          <a:bodyPr vert="horz" lIns="0" tIns="0" rIns="0" bIns="0" rtlCol="0" anchor="t">
            <a:noAutofit/>
          </a:bodyPr>
          <a:lstStyle/>
          <a:p>
            <a:r>
              <a:rPr lang="en-US" b="1">
                <a:cs typeface="Calibri"/>
              </a:rPr>
              <a:t>(special) soundness:</a:t>
            </a:r>
            <a:r>
              <a:rPr lang="en-US">
                <a:cs typeface="Calibri"/>
              </a:rPr>
              <a:t> T</a:t>
            </a:r>
            <a:r>
              <a:rPr lang="en-US" sz="2000">
                <a:cs typeface="Calibri"/>
              </a:rPr>
              <a:t>here exists an efficient extractor E that g</a:t>
            </a:r>
            <a:r>
              <a:rPr lang="en-US">
                <a:cs typeface="Calibri"/>
              </a:rPr>
              <a:t>iven two</a:t>
            </a:r>
            <a:br>
              <a:rPr lang="en-US">
                <a:cs typeface="Calibri"/>
              </a:rPr>
            </a:br>
            <a:r>
              <a:rPr lang="en-US">
                <a:cs typeface="Calibri"/>
              </a:rPr>
              <a:t>                transcripts with same w but different c, extracts sk. </a:t>
            </a:r>
          </a:p>
          <a:p>
            <a:endParaRPr lang="en-US">
              <a:cs typeface="Calibri"/>
            </a:endParaRPr>
          </a:p>
          <a:p>
            <a:r>
              <a:rPr lang="en-US" b="1">
                <a:cs typeface="Calibri"/>
              </a:rPr>
              <a:t>Honest verifier zero-knowledge (HVZK):</a:t>
            </a:r>
            <a:r>
              <a:rPr lang="en-US">
                <a:cs typeface="Calibri"/>
              </a:rPr>
              <a:t> There exists an efficient simulator S</a:t>
            </a:r>
            <a:br>
              <a:rPr lang="en-US">
                <a:cs typeface="Calibri"/>
              </a:rPr>
            </a:br>
            <a:r>
              <a:rPr lang="en-US">
                <a:cs typeface="Calibri"/>
              </a:rPr>
              <a:t>                that, given only the public key, outputs transcripts which are</a:t>
            </a:r>
            <a:br>
              <a:rPr lang="en-US">
                <a:cs typeface="Calibri"/>
              </a:rPr>
            </a:br>
            <a:r>
              <a:rPr lang="en-US">
                <a:cs typeface="Calibri"/>
              </a:rPr>
              <a:t>                indistinguishable from transcripts of honest protocol runs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382FFD2-7B6A-380B-90E0-51FE8373E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DFAFE6C-6649-6C31-010E-BA05712C51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545427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7CA2618-6AB8-EEBE-286D-BF97AC25B76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>
                <a:cs typeface="Calibri"/>
              </a:rPr>
              <a:t>Identification schemes </a:t>
            </a:r>
            <a:r>
              <a:rPr lang="en-US" sz="2000">
                <a:cs typeface="Calibri"/>
              </a:rPr>
              <a:t>(3-round, public coin)</a:t>
            </a:r>
            <a:endParaRPr lang="en-US" sz="200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C37430-3CBF-BD22-3771-568D6563C5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903F473-51F3-B856-4B47-76F8B63876B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7</a:t>
            </a:fld>
            <a:endParaRPr lang="en-GB"/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903B3EEA-FA2D-459F-8812-3CCCDF55B8FD}"/>
              </a:ext>
            </a:extLst>
          </p:cNvPr>
          <p:cNvSpPr txBox="1"/>
          <p:nvPr/>
        </p:nvSpPr>
        <p:spPr>
          <a:xfrm>
            <a:off x="1111500" y="1228499"/>
            <a:ext cx="17010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b="1" u="sng">
                <a:cs typeface="Calibri"/>
              </a:rPr>
              <a:t>Prover P</a:t>
            </a:r>
            <a:endParaRPr lang="en-US" b="1" u="sng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BA2A9809-9BD7-930D-AEC3-FFC70931C1B1}"/>
              </a:ext>
            </a:extLst>
          </p:cNvPr>
          <p:cNvSpPr txBox="1"/>
          <p:nvPr/>
        </p:nvSpPr>
        <p:spPr>
          <a:xfrm>
            <a:off x="5579999" y="1228499"/>
            <a:ext cx="17010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 b="1" u="sng">
                <a:cs typeface="Calibri"/>
              </a:rPr>
              <a:t>Verifier V</a:t>
            </a:r>
            <a:endParaRPr lang="en-US" b="1" u="sng"/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5A98AD83-D954-5395-0E24-381B0D86233F}"/>
              </a:ext>
            </a:extLst>
          </p:cNvPr>
          <p:cNvCxnSpPr/>
          <p:nvPr/>
        </p:nvCxnSpPr>
        <p:spPr>
          <a:xfrm>
            <a:off x="2840175" y="1987425"/>
            <a:ext cx="2520900" cy="144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Arrow Connector 8">
            <a:extLst>
              <a:ext uri="{FF2B5EF4-FFF2-40B4-BE49-F238E27FC236}">
                <a16:creationId xmlns:a16="http://schemas.microsoft.com/office/drawing/2014/main" id="{4DA130A3-E202-C0D9-E658-9D2D870E5120}"/>
              </a:ext>
            </a:extLst>
          </p:cNvPr>
          <p:cNvCxnSpPr>
            <a:cxnSpLocks/>
          </p:cNvCxnSpPr>
          <p:nvPr/>
        </p:nvCxnSpPr>
        <p:spPr>
          <a:xfrm flipH="1">
            <a:off x="2841074" y="2531924"/>
            <a:ext cx="2586600" cy="189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0" name="Straight Arrow Connector 9">
            <a:extLst>
              <a:ext uri="{FF2B5EF4-FFF2-40B4-BE49-F238E27FC236}">
                <a16:creationId xmlns:a16="http://schemas.microsoft.com/office/drawing/2014/main" id="{DCD01D24-8A94-4853-B9A6-DE4BD9A26A65}"/>
              </a:ext>
            </a:extLst>
          </p:cNvPr>
          <p:cNvCxnSpPr>
            <a:cxnSpLocks/>
          </p:cNvCxnSpPr>
          <p:nvPr/>
        </p:nvCxnSpPr>
        <p:spPr>
          <a:xfrm flipV="1">
            <a:off x="2840174" y="3194324"/>
            <a:ext cx="2529900" cy="3600"/>
          </a:xfrm>
          <a:prstGeom prst="straightConnector1">
            <a:avLst/>
          </a:prstGeom>
          <a:ln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TextBox 10">
            <a:extLst>
              <a:ext uri="{FF2B5EF4-FFF2-40B4-BE49-F238E27FC236}">
                <a16:creationId xmlns:a16="http://schemas.microsoft.com/office/drawing/2014/main" id="{2038266D-604A-CC85-CD7A-AE6A395A9790}"/>
              </a:ext>
            </a:extLst>
          </p:cNvPr>
          <p:cNvSpPr txBox="1"/>
          <p:nvPr/>
        </p:nvSpPr>
        <p:spPr>
          <a:xfrm>
            <a:off x="3906000" y="1593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w</a:t>
            </a:r>
            <a:endParaRPr lang="en-US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747F442E-BB2F-EB2E-C714-8719250379C2}"/>
              </a:ext>
            </a:extLst>
          </p:cNvPr>
          <p:cNvSpPr txBox="1"/>
          <p:nvPr/>
        </p:nvSpPr>
        <p:spPr>
          <a:xfrm>
            <a:off x="3906000" y="22140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c</a:t>
            </a:r>
            <a:endParaRPr lang="en-US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BFB1D8D-45C4-6D3D-5BD4-EFA84769065D}"/>
              </a:ext>
            </a:extLst>
          </p:cNvPr>
          <p:cNvSpPr txBox="1"/>
          <p:nvPr/>
        </p:nvSpPr>
        <p:spPr>
          <a:xfrm>
            <a:off x="3906000" y="2947500"/>
            <a:ext cx="319500" cy="300082"/>
          </a:xfrm>
          <a:prstGeom prst="rect">
            <a:avLst/>
          </a:prstGeom>
          <a:noFill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spAutoFit/>
          </a:bodyPr>
          <a:lstStyle/>
          <a:p>
            <a:r>
              <a:rPr lang="en-US">
                <a:cs typeface="Calibri"/>
              </a:rPr>
              <a:t>z</a:t>
            </a:r>
            <a:endParaRPr lang="en-US"/>
          </a:p>
        </p:txBody>
      </p:sp>
      <mc:AlternateContent xmlns:mc="http://schemas.openxmlformats.org/markup-compatibility/2006" xmlns:p14="http://schemas.microsoft.com/office/powerpoint/2010/main">
        <mc:Choice Requires="p14">
          <p:contentPart p14:bwMode="auto" r:id="rId2">
            <p14:nvContentPartPr>
              <p14:cNvPr id="15" name="Ink 14">
                <a:extLst>
                  <a:ext uri="{FF2B5EF4-FFF2-40B4-BE49-F238E27FC236}">
                    <a16:creationId xmlns:a16="http://schemas.microsoft.com/office/drawing/2014/main" id="{72A0E243-D461-1A6F-BA6F-CCD73627834D}"/>
                  </a:ext>
                </a:extLst>
              </p14:cNvPr>
              <p14:cNvContentPartPr/>
              <p14:nvPr/>
            </p14:nvContentPartPr>
            <p14:xfrm>
              <a:off x="5624377" y="2466101"/>
              <a:ext cx="295920" cy="91440"/>
            </p14:xfrm>
          </p:contentPart>
        </mc:Choice>
        <mc:Fallback xmlns="">
          <p:pic>
            <p:nvPicPr>
              <p:cNvPr id="15" name="Ink 14">
                <a:extLst>
                  <a:ext uri="{FF2B5EF4-FFF2-40B4-BE49-F238E27FC236}">
                    <a16:creationId xmlns:a16="http://schemas.microsoft.com/office/drawing/2014/main" id="{72A0E243-D461-1A6F-BA6F-CCD73627834D}"/>
                  </a:ext>
                </a:extLst>
              </p:cNvPr>
              <p:cNvPicPr/>
              <p:nvPr/>
            </p:nvPicPr>
            <p:blipFill>
              <a:blip r:embed="rId3"/>
              <a:stretch>
                <a:fillRect/>
              </a:stretch>
            </p:blipFill>
            <p:spPr>
              <a:xfrm>
                <a:off x="5613577" y="2455343"/>
                <a:ext cx="317160" cy="112597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4">
            <p14:nvContentPartPr>
              <p14:cNvPr id="18" name="Ink 17">
                <a:extLst>
                  <a:ext uri="{FF2B5EF4-FFF2-40B4-BE49-F238E27FC236}">
                    <a16:creationId xmlns:a16="http://schemas.microsoft.com/office/drawing/2014/main" id="{FAA350FA-E3DD-7F7D-2729-F9D55AF5B597}"/>
                  </a:ext>
                </a:extLst>
              </p14:cNvPr>
              <p14:cNvContentPartPr/>
              <p14:nvPr/>
            </p14:nvContentPartPr>
            <p14:xfrm>
              <a:off x="5787817" y="2462861"/>
              <a:ext cx="176400" cy="147960"/>
            </p14:xfrm>
          </p:contentPart>
        </mc:Choice>
        <mc:Fallback xmlns="">
          <p:pic>
            <p:nvPicPr>
              <p:cNvPr id="18" name="Ink 17">
                <a:extLst>
                  <a:ext uri="{FF2B5EF4-FFF2-40B4-BE49-F238E27FC236}">
                    <a16:creationId xmlns:a16="http://schemas.microsoft.com/office/drawing/2014/main" id="{FAA350FA-E3DD-7F7D-2729-F9D55AF5B597}"/>
                  </a:ext>
                </a:extLst>
              </p:cNvPr>
              <p:cNvPicPr/>
              <p:nvPr/>
            </p:nvPicPr>
            <p:blipFill>
              <a:blip r:embed="rId5"/>
              <a:stretch>
                <a:fillRect/>
              </a:stretch>
            </p:blipFill>
            <p:spPr>
              <a:xfrm>
                <a:off x="5777039" y="2452087"/>
                <a:ext cx="197597" cy="169148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6">
            <p14:nvContentPartPr>
              <p14:cNvPr id="27" name="Ink 26">
                <a:extLst>
                  <a:ext uri="{FF2B5EF4-FFF2-40B4-BE49-F238E27FC236}">
                    <a16:creationId xmlns:a16="http://schemas.microsoft.com/office/drawing/2014/main" id="{3CCE24D2-2C7A-F69D-7B0A-DADFE3709F03}"/>
                  </a:ext>
                </a:extLst>
              </p14:cNvPr>
              <p14:cNvContentPartPr/>
              <p14:nvPr/>
            </p14:nvContentPartPr>
            <p14:xfrm>
              <a:off x="6052057" y="2390501"/>
              <a:ext cx="591840" cy="225000"/>
            </p14:xfrm>
          </p:contentPart>
        </mc:Choice>
        <mc:Fallback xmlns="">
          <p:pic>
            <p:nvPicPr>
              <p:cNvPr id="27" name="Ink 26">
                <a:extLst>
                  <a:ext uri="{FF2B5EF4-FFF2-40B4-BE49-F238E27FC236}">
                    <a16:creationId xmlns:a16="http://schemas.microsoft.com/office/drawing/2014/main" id="{3CCE24D2-2C7A-F69D-7B0A-DADFE3709F03}"/>
                  </a:ext>
                </a:extLst>
              </p:cNvPr>
              <p:cNvPicPr/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6041257" y="2379701"/>
                <a:ext cx="613080" cy="2462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8">
            <p14:nvContentPartPr>
              <p14:cNvPr id="45" name="Ink 44">
                <a:extLst>
                  <a:ext uri="{FF2B5EF4-FFF2-40B4-BE49-F238E27FC236}">
                    <a16:creationId xmlns:a16="http://schemas.microsoft.com/office/drawing/2014/main" id="{256AA682-B495-2653-54ED-EE8E75C0BF21}"/>
                  </a:ext>
                </a:extLst>
              </p14:cNvPr>
              <p14:cNvContentPartPr/>
              <p14:nvPr/>
            </p14:nvContentPartPr>
            <p14:xfrm>
              <a:off x="1157362" y="1704589"/>
              <a:ext cx="264600" cy="88560"/>
            </p14:xfrm>
          </p:contentPart>
        </mc:Choice>
        <mc:Fallback xmlns="">
          <p:pic>
            <p:nvPicPr>
              <p:cNvPr id="45" name="Ink 44">
                <a:extLst>
                  <a:ext uri="{FF2B5EF4-FFF2-40B4-BE49-F238E27FC236}">
                    <a16:creationId xmlns:a16="http://schemas.microsoft.com/office/drawing/2014/main" id="{256AA682-B495-2653-54ED-EE8E75C0BF21}"/>
                  </a:ext>
                </a:extLst>
              </p:cNvPr>
              <p:cNvPicPr/>
              <p:nvPr/>
            </p:nvPicPr>
            <p:blipFill>
              <a:blip r:embed="rId9"/>
              <a:stretch>
                <a:fillRect/>
              </a:stretch>
            </p:blipFill>
            <p:spPr>
              <a:xfrm>
                <a:off x="1146562" y="1693789"/>
                <a:ext cx="285840" cy="1098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0">
            <p14:nvContentPartPr>
              <p14:cNvPr id="58" name="Ink 57">
                <a:extLst>
                  <a:ext uri="{FF2B5EF4-FFF2-40B4-BE49-F238E27FC236}">
                    <a16:creationId xmlns:a16="http://schemas.microsoft.com/office/drawing/2014/main" id="{288500C2-8C85-FB09-F3CD-90D35C3186DB}"/>
                  </a:ext>
                </a:extLst>
              </p14:cNvPr>
              <p14:cNvContentPartPr/>
              <p14:nvPr/>
            </p14:nvContentPartPr>
            <p14:xfrm>
              <a:off x="1481362" y="1563109"/>
              <a:ext cx="984960" cy="214200"/>
            </p14:xfrm>
          </p:contentPart>
        </mc:Choice>
        <mc:Fallback xmlns="">
          <p:pic>
            <p:nvPicPr>
              <p:cNvPr id="58" name="Ink 57">
                <a:extLst>
                  <a:ext uri="{FF2B5EF4-FFF2-40B4-BE49-F238E27FC236}">
                    <a16:creationId xmlns:a16="http://schemas.microsoft.com/office/drawing/2014/main" id="{288500C2-8C85-FB09-F3CD-90D35C3186DB}"/>
                  </a:ext>
                </a:extLst>
              </p:cNvPr>
              <p:cNvPicPr/>
              <p:nvPr/>
            </p:nvPicPr>
            <p:blipFill>
              <a:blip r:embed="rId11"/>
              <a:stretch>
                <a:fillRect/>
              </a:stretch>
            </p:blipFill>
            <p:spPr>
              <a:xfrm>
                <a:off x="1470562" y="1552309"/>
                <a:ext cx="1006200" cy="2354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2">
            <p14:nvContentPartPr>
              <p14:cNvPr id="61" name="Ink 60">
                <a:extLst>
                  <a:ext uri="{FF2B5EF4-FFF2-40B4-BE49-F238E27FC236}">
                    <a16:creationId xmlns:a16="http://schemas.microsoft.com/office/drawing/2014/main" id="{E5628408-3417-3861-2EC4-7D3C68B35E49}"/>
                  </a:ext>
                </a:extLst>
              </p14:cNvPr>
              <p14:cNvContentPartPr/>
              <p14:nvPr/>
            </p14:nvContentPartPr>
            <p14:xfrm>
              <a:off x="1201282" y="3066829"/>
              <a:ext cx="78840" cy="113760"/>
            </p14:xfrm>
          </p:contentPart>
        </mc:Choice>
        <mc:Fallback xmlns="">
          <p:pic>
            <p:nvPicPr>
              <p:cNvPr id="61" name="Ink 60">
                <a:extLst>
                  <a:ext uri="{FF2B5EF4-FFF2-40B4-BE49-F238E27FC236}">
                    <a16:creationId xmlns:a16="http://schemas.microsoft.com/office/drawing/2014/main" id="{E5628408-3417-3861-2EC4-7D3C68B35E49}"/>
                  </a:ext>
                </a:extLst>
              </p:cNvPr>
              <p:cNvPicPr/>
              <p:nvPr/>
            </p:nvPicPr>
            <p:blipFill>
              <a:blip r:embed="rId13"/>
              <a:stretch>
                <a:fillRect/>
              </a:stretch>
            </p:blipFill>
            <p:spPr>
              <a:xfrm>
                <a:off x="1190482" y="3056029"/>
                <a:ext cx="100080" cy="135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4">
            <p14:nvContentPartPr>
              <p14:cNvPr id="64" name="Ink 63">
                <a:extLst>
                  <a:ext uri="{FF2B5EF4-FFF2-40B4-BE49-F238E27FC236}">
                    <a16:creationId xmlns:a16="http://schemas.microsoft.com/office/drawing/2014/main" id="{100FE49F-F3FF-7D3E-7459-C9ED3C97ED9E}"/>
                  </a:ext>
                </a:extLst>
              </p14:cNvPr>
              <p14:cNvContentPartPr/>
              <p14:nvPr/>
            </p14:nvContentPartPr>
            <p14:xfrm>
              <a:off x="1324042" y="3060349"/>
              <a:ext cx="123120" cy="75960"/>
            </p14:xfrm>
          </p:contentPart>
        </mc:Choice>
        <mc:Fallback xmlns="">
          <p:pic>
            <p:nvPicPr>
              <p:cNvPr id="64" name="Ink 63">
                <a:extLst>
                  <a:ext uri="{FF2B5EF4-FFF2-40B4-BE49-F238E27FC236}">
                    <a16:creationId xmlns:a16="http://schemas.microsoft.com/office/drawing/2014/main" id="{100FE49F-F3FF-7D3E-7459-C9ED3C97ED9E}"/>
                  </a:ext>
                </a:extLst>
              </p:cNvPr>
              <p:cNvPicPr/>
              <p:nvPr/>
            </p:nvPicPr>
            <p:blipFill>
              <a:blip r:embed="rId15"/>
              <a:stretch>
                <a:fillRect/>
              </a:stretch>
            </p:blipFill>
            <p:spPr>
              <a:xfrm>
                <a:off x="1313242" y="3049549"/>
                <a:ext cx="144360" cy="972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6">
            <p14:nvContentPartPr>
              <p14:cNvPr id="73" name="Ink 72">
                <a:extLst>
                  <a:ext uri="{FF2B5EF4-FFF2-40B4-BE49-F238E27FC236}">
                    <a16:creationId xmlns:a16="http://schemas.microsoft.com/office/drawing/2014/main" id="{C994B0F7-2AE7-9949-35BA-563522FE7CF9}"/>
                  </a:ext>
                </a:extLst>
              </p14:cNvPr>
              <p14:cNvContentPartPr/>
              <p14:nvPr/>
            </p14:nvContentPartPr>
            <p14:xfrm>
              <a:off x="1475242" y="2963149"/>
              <a:ext cx="619920" cy="281520"/>
            </p14:xfrm>
          </p:contentPart>
        </mc:Choice>
        <mc:Fallback xmlns="">
          <p:pic>
            <p:nvPicPr>
              <p:cNvPr id="73" name="Ink 72">
                <a:extLst>
                  <a:ext uri="{FF2B5EF4-FFF2-40B4-BE49-F238E27FC236}">
                    <a16:creationId xmlns:a16="http://schemas.microsoft.com/office/drawing/2014/main" id="{C994B0F7-2AE7-9949-35BA-563522FE7CF9}"/>
                  </a:ext>
                </a:extLst>
              </p:cNvPr>
              <p:cNvPicPr/>
              <p:nvPr/>
            </p:nvPicPr>
            <p:blipFill>
              <a:blip r:embed="rId17"/>
              <a:stretch>
                <a:fillRect/>
              </a:stretch>
            </p:blipFill>
            <p:spPr>
              <a:xfrm>
                <a:off x="1464448" y="2952363"/>
                <a:ext cx="641148" cy="302733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18">
            <p14:nvContentPartPr>
              <p14:cNvPr id="79" name="Ink 78">
                <a:extLst>
                  <a:ext uri="{FF2B5EF4-FFF2-40B4-BE49-F238E27FC236}">
                    <a16:creationId xmlns:a16="http://schemas.microsoft.com/office/drawing/2014/main" id="{F5E43B4C-980E-3976-15C0-5DD640DA4010}"/>
                  </a:ext>
                </a:extLst>
              </p14:cNvPr>
              <p14:cNvContentPartPr/>
              <p14:nvPr/>
            </p14:nvContentPartPr>
            <p14:xfrm>
              <a:off x="2167162" y="2972509"/>
              <a:ext cx="252000" cy="226800"/>
            </p14:xfrm>
          </p:contentPart>
        </mc:Choice>
        <mc:Fallback xmlns="">
          <p:pic>
            <p:nvPicPr>
              <p:cNvPr id="79" name="Ink 78">
                <a:extLst>
                  <a:ext uri="{FF2B5EF4-FFF2-40B4-BE49-F238E27FC236}">
                    <a16:creationId xmlns:a16="http://schemas.microsoft.com/office/drawing/2014/main" id="{F5E43B4C-980E-3976-15C0-5DD640DA4010}"/>
                  </a:ext>
                </a:extLst>
              </p:cNvPr>
              <p:cNvPicPr/>
              <p:nvPr/>
            </p:nvPicPr>
            <p:blipFill>
              <a:blip r:embed="rId19"/>
              <a:stretch>
                <a:fillRect/>
              </a:stretch>
            </p:blipFill>
            <p:spPr>
              <a:xfrm>
                <a:off x="2156377" y="2961709"/>
                <a:ext cx="273210" cy="248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0">
            <p14:nvContentPartPr>
              <p14:cNvPr id="82" name="Ink 81">
                <a:extLst>
                  <a:ext uri="{FF2B5EF4-FFF2-40B4-BE49-F238E27FC236}">
                    <a16:creationId xmlns:a16="http://schemas.microsoft.com/office/drawing/2014/main" id="{A718D62B-419F-04ED-9D6B-5E198A24F3B0}"/>
                  </a:ext>
                </a:extLst>
              </p14:cNvPr>
              <p14:cNvContentPartPr/>
              <p14:nvPr/>
            </p14:nvContentPartPr>
            <p14:xfrm>
              <a:off x="2450122" y="3076189"/>
              <a:ext cx="104040" cy="100800"/>
            </p14:xfrm>
          </p:contentPart>
        </mc:Choice>
        <mc:Fallback xmlns="">
          <p:pic>
            <p:nvPicPr>
              <p:cNvPr id="82" name="Ink 81">
                <a:extLst>
                  <a:ext uri="{FF2B5EF4-FFF2-40B4-BE49-F238E27FC236}">
                    <a16:creationId xmlns:a16="http://schemas.microsoft.com/office/drawing/2014/main" id="{A718D62B-419F-04ED-9D6B-5E198A24F3B0}"/>
                  </a:ext>
                </a:extLst>
              </p:cNvPr>
              <p:cNvPicPr/>
              <p:nvPr/>
            </p:nvPicPr>
            <p:blipFill>
              <a:blip r:embed="rId21"/>
              <a:stretch>
                <a:fillRect/>
              </a:stretch>
            </p:blipFill>
            <p:spPr>
              <a:xfrm>
                <a:off x="2439322" y="3065389"/>
                <a:ext cx="125280" cy="12204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2">
            <p14:nvContentPartPr>
              <p14:cNvPr id="85" name="Ink 84">
                <a:extLst>
                  <a:ext uri="{FF2B5EF4-FFF2-40B4-BE49-F238E27FC236}">
                    <a16:creationId xmlns:a16="http://schemas.microsoft.com/office/drawing/2014/main" id="{917493C8-0B4A-205D-F73D-9E4F9F7EDC0A}"/>
                  </a:ext>
                </a:extLst>
              </p14:cNvPr>
              <p14:cNvContentPartPr/>
              <p14:nvPr/>
            </p14:nvContentPartPr>
            <p14:xfrm>
              <a:off x="2620042" y="2963149"/>
              <a:ext cx="117000" cy="230040"/>
            </p14:xfrm>
          </p:contentPart>
        </mc:Choice>
        <mc:Fallback xmlns="">
          <p:pic>
            <p:nvPicPr>
              <p:cNvPr id="85" name="Ink 84">
                <a:extLst>
                  <a:ext uri="{FF2B5EF4-FFF2-40B4-BE49-F238E27FC236}">
                    <a16:creationId xmlns:a16="http://schemas.microsoft.com/office/drawing/2014/main" id="{917493C8-0B4A-205D-F73D-9E4F9F7EDC0A}"/>
                  </a:ext>
                </a:extLst>
              </p:cNvPr>
              <p:cNvPicPr/>
              <p:nvPr/>
            </p:nvPicPr>
            <p:blipFill>
              <a:blip r:embed="rId23"/>
              <a:stretch>
                <a:fillRect/>
              </a:stretch>
            </p:blipFill>
            <p:spPr>
              <a:xfrm>
                <a:off x="2609209" y="2952349"/>
                <a:ext cx="138306" cy="2512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4">
            <p14:nvContentPartPr>
              <p14:cNvPr id="88" name="Ink 87">
                <a:extLst>
                  <a:ext uri="{FF2B5EF4-FFF2-40B4-BE49-F238E27FC236}">
                    <a16:creationId xmlns:a16="http://schemas.microsoft.com/office/drawing/2014/main" id="{21BC5B43-FA6A-19DA-0405-720428EB5A9F}"/>
                  </a:ext>
                </a:extLst>
              </p14:cNvPr>
              <p14:cNvContentPartPr/>
              <p14:nvPr/>
            </p14:nvContentPartPr>
            <p14:xfrm>
              <a:off x="5621119" y="3334284"/>
              <a:ext cx="289800" cy="179640"/>
            </p14:xfrm>
          </p:contentPart>
        </mc:Choice>
        <mc:Fallback xmlns="">
          <p:pic>
            <p:nvPicPr>
              <p:cNvPr id="88" name="Ink 87">
                <a:extLst>
                  <a:ext uri="{FF2B5EF4-FFF2-40B4-BE49-F238E27FC236}">
                    <a16:creationId xmlns:a16="http://schemas.microsoft.com/office/drawing/2014/main" id="{21BC5B43-FA6A-19DA-0405-720428EB5A9F}"/>
                  </a:ext>
                </a:extLst>
              </p:cNvPr>
              <p:cNvPicPr/>
              <p:nvPr/>
            </p:nvPicPr>
            <p:blipFill>
              <a:blip r:embed="rId25"/>
              <a:stretch>
                <a:fillRect/>
              </a:stretch>
            </p:blipFill>
            <p:spPr>
              <a:xfrm>
                <a:off x="5610319" y="3323484"/>
                <a:ext cx="311040" cy="2008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6">
            <p14:nvContentPartPr>
              <p14:cNvPr id="98" name="Ink 97">
                <a:extLst>
                  <a:ext uri="{FF2B5EF4-FFF2-40B4-BE49-F238E27FC236}">
                    <a16:creationId xmlns:a16="http://schemas.microsoft.com/office/drawing/2014/main" id="{8CD40BD0-631F-A822-4EA6-2D046716BBC8}"/>
                  </a:ext>
                </a:extLst>
              </p14:cNvPr>
              <p14:cNvContentPartPr/>
              <p14:nvPr/>
            </p14:nvContentPartPr>
            <p14:xfrm>
              <a:off x="6020719" y="3281004"/>
              <a:ext cx="456120" cy="304920"/>
            </p14:xfrm>
          </p:contentPart>
        </mc:Choice>
        <mc:Fallback xmlns="">
          <p:pic>
            <p:nvPicPr>
              <p:cNvPr id="98" name="Ink 97">
                <a:extLst>
                  <a:ext uri="{FF2B5EF4-FFF2-40B4-BE49-F238E27FC236}">
                    <a16:creationId xmlns:a16="http://schemas.microsoft.com/office/drawing/2014/main" id="{8CD40BD0-631F-A822-4EA6-2D046716BBC8}"/>
                  </a:ext>
                </a:extLst>
              </p:cNvPr>
              <p:cNvPicPr/>
              <p:nvPr/>
            </p:nvPicPr>
            <p:blipFill>
              <a:blip r:embed="rId27"/>
              <a:stretch>
                <a:fillRect/>
              </a:stretch>
            </p:blipFill>
            <p:spPr>
              <a:xfrm>
                <a:off x="6009919" y="3270204"/>
                <a:ext cx="477360" cy="32616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28">
            <p14:nvContentPartPr>
              <p14:cNvPr id="99" name="Ink 98">
                <a:extLst>
                  <a:ext uri="{FF2B5EF4-FFF2-40B4-BE49-F238E27FC236}">
                    <a16:creationId xmlns:a16="http://schemas.microsoft.com/office/drawing/2014/main" id="{C9A06D44-B863-C206-24DD-7E1FE975DA46}"/>
                  </a:ext>
                </a:extLst>
              </p14:cNvPr>
              <p14:cNvContentPartPr/>
              <p14:nvPr/>
            </p14:nvContentPartPr>
            <p14:xfrm>
              <a:off x="6596359" y="3287124"/>
              <a:ext cx="50760" cy="248760"/>
            </p14:xfrm>
          </p:contentPart>
        </mc:Choice>
        <mc:Fallback xmlns="">
          <p:pic>
            <p:nvPicPr>
              <p:cNvPr id="99" name="Ink 98">
                <a:extLst>
                  <a:ext uri="{FF2B5EF4-FFF2-40B4-BE49-F238E27FC236}">
                    <a16:creationId xmlns:a16="http://schemas.microsoft.com/office/drawing/2014/main" id="{C9A06D44-B863-C206-24DD-7E1FE975DA46}"/>
                  </a:ext>
                </a:extLst>
              </p:cNvPr>
              <p:cNvPicPr/>
              <p:nvPr/>
            </p:nvPicPr>
            <p:blipFill>
              <a:blip r:embed="rId29"/>
              <a:stretch>
                <a:fillRect/>
              </a:stretch>
            </p:blipFill>
            <p:spPr>
              <a:xfrm>
                <a:off x="6585559" y="3276324"/>
                <a:ext cx="72000" cy="27000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0">
            <p14:nvContentPartPr>
              <p14:cNvPr id="104" name="Ink 103">
                <a:extLst>
                  <a:ext uri="{FF2B5EF4-FFF2-40B4-BE49-F238E27FC236}">
                    <a16:creationId xmlns:a16="http://schemas.microsoft.com/office/drawing/2014/main" id="{3D224F1F-C7C1-6981-9000-20A5BF706838}"/>
                  </a:ext>
                </a:extLst>
              </p14:cNvPr>
              <p14:cNvContentPartPr/>
              <p14:nvPr/>
            </p14:nvContentPartPr>
            <p14:xfrm>
              <a:off x="6693559" y="3331044"/>
              <a:ext cx="173520" cy="242280"/>
            </p14:xfrm>
          </p:contentPart>
        </mc:Choice>
        <mc:Fallback xmlns="">
          <p:pic>
            <p:nvPicPr>
              <p:cNvPr id="104" name="Ink 103">
                <a:extLst>
                  <a:ext uri="{FF2B5EF4-FFF2-40B4-BE49-F238E27FC236}">
                    <a16:creationId xmlns:a16="http://schemas.microsoft.com/office/drawing/2014/main" id="{3D224F1F-C7C1-6981-9000-20A5BF706838}"/>
                  </a:ext>
                </a:extLst>
              </p:cNvPr>
              <p:cNvPicPr/>
              <p:nvPr/>
            </p:nvPicPr>
            <p:blipFill>
              <a:blip r:embed="rId31"/>
              <a:stretch>
                <a:fillRect/>
              </a:stretch>
            </p:blipFill>
            <p:spPr>
              <a:xfrm>
                <a:off x="6682759" y="3320244"/>
                <a:ext cx="194760" cy="26352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2">
            <p14:nvContentPartPr>
              <p14:cNvPr id="112" name="Ink 111">
                <a:extLst>
                  <a:ext uri="{FF2B5EF4-FFF2-40B4-BE49-F238E27FC236}">
                    <a16:creationId xmlns:a16="http://schemas.microsoft.com/office/drawing/2014/main" id="{24E300D7-3E88-3BBB-6CD9-9A3697AD8988}"/>
                  </a:ext>
                </a:extLst>
              </p14:cNvPr>
              <p14:cNvContentPartPr/>
              <p14:nvPr/>
            </p14:nvContentPartPr>
            <p14:xfrm>
              <a:off x="6932959" y="3277404"/>
              <a:ext cx="541440" cy="267840"/>
            </p14:xfrm>
          </p:contentPart>
        </mc:Choice>
        <mc:Fallback xmlns="">
          <p:pic>
            <p:nvPicPr>
              <p:cNvPr id="112" name="Ink 111">
                <a:extLst>
                  <a:ext uri="{FF2B5EF4-FFF2-40B4-BE49-F238E27FC236}">
                    <a16:creationId xmlns:a16="http://schemas.microsoft.com/office/drawing/2014/main" id="{24E300D7-3E88-3BBB-6CD9-9A3697AD8988}"/>
                  </a:ext>
                </a:extLst>
              </p:cNvPr>
              <p:cNvPicPr/>
              <p:nvPr/>
            </p:nvPicPr>
            <p:blipFill>
              <a:blip r:embed="rId33"/>
              <a:stretch>
                <a:fillRect/>
              </a:stretch>
            </p:blipFill>
            <p:spPr>
              <a:xfrm>
                <a:off x="6922159" y="3266604"/>
                <a:ext cx="562680" cy="289080"/>
              </a:xfrm>
              <a:prstGeom prst="rect">
                <a:avLst/>
              </a:prstGeom>
            </p:spPr>
          </p:pic>
        </mc:Fallback>
      </mc:AlternateContent>
      <mc:AlternateContent xmlns:mc="http://schemas.openxmlformats.org/markup-compatibility/2006" xmlns:p14="http://schemas.microsoft.com/office/powerpoint/2010/main">
        <mc:Choice Requires="p14">
          <p:contentPart p14:bwMode="auto" r:id="rId34">
            <p14:nvContentPartPr>
              <p14:cNvPr id="115" name="Ink 114">
                <a:extLst>
                  <a:ext uri="{FF2B5EF4-FFF2-40B4-BE49-F238E27FC236}">
                    <a16:creationId xmlns:a16="http://schemas.microsoft.com/office/drawing/2014/main" id="{6E583FEA-C83D-1510-490F-BDCC66EE6F9E}"/>
                  </a:ext>
                </a:extLst>
              </p14:cNvPr>
              <p14:cNvContentPartPr/>
              <p14:nvPr/>
            </p14:nvContentPartPr>
            <p14:xfrm>
              <a:off x="5743879" y="3422124"/>
              <a:ext cx="60120" cy="72720"/>
            </p14:xfrm>
          </p:contentPart>
        </mc:Choice>
        <mc:Fallback xmlns="">
          <p:pic>
            <p:nvPicPr>
              <p:cNvPr id="115" name="Ink 114">
                <a:extLst>
                  <a:ext uri="{FF2B5EF4-FFF2-40B4-BE49-F238E27FC236}">
                    <a16:creationId xmlns:a16="http://schemas.microsoft.com/office/drawing/2014/main" id="{6E583FEA-C83D-1510-490F-BDCC66EE6F9E}"/>
                  </a:ext>
                </a:extLst>
              </p:cNvPr>
              <p:cNvPicPr/>
              <p:nvPr/>
            </p:nvPicPr>
            <p:blipFill>
              <a:blip r:embed="rId35"/>
              <a:stretch>
                <a:fillRect/>
              </a:stretch>
            </p:blipFill>
            <p:spPr>
              <a:xfrm>
                <a:off x="5733079" y="3411324"/>
                <a:ext cx="81360" cy="93960"/>
              </a:xfrm>
              <a:prstGeom prst="rect">
                <a:avLst/>
              </a:prstGeom>
            </p:spPr>
          </p:pic>
        </mc:Fallback>
      </mc:AlternateContent>
    </p:spTree>
    <p:extLst>
      <p:ext uri="{BB962C8B-B14F-4D97-AF65-F5344CB8AC3E}">
        <p14:creationId xmlns:p14="http://schemas.microsoft.com/office/powerpoint/2010/main" val="289859581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5B06E07-4E7F-7570-72F0-9BE22154C5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>
              <a:lnSpc>
                <a:spcPct val="100000"/>
              </a:lnSpc>
            </a:pPr>
            <a:r>
              <a:rPr lang="en-US" err="1">
                <a:cs typeface="Calibri"/>
              </a:rPr>
              <a:t>MPCitH</a:t>
            </a:r>
            <a:r>
              <a:rPr lang="en-US">
                <a:cs typeface="Calibri"/>
              </a:rPr>
              <a:t> for PQ-identification</a:t>
            </a:r>
            <a:br>
              <a:rPr lang="en-US">
                <a:cs typeface="Calibri"/>
              </a:rPr>
            </a:br>
            <a:r>
              <a:rPr lang="en-US" sz="1050">
                <a:cs typeface="Calibri"/>
              </a:rPr>
              <a:t>(</a:t>
            </a:r>
            <a:r>
              <a:rPr lang="en-US" sz="1050" b="0">
                <a:ea typeface="+mj-lt"/>
                <a:cs typeface="+mj-lt"/>
              </a:rPr>
              <a:t>Y. Ishai, E. </a:t>
            </a:r>
            <a:r>
              <a:rPr lang="en-US" sz="1050" b="0" err="1">
                <a:ea typeface="+mj-lt"/>
                <a:cs typeface="+mj-lt"/>
              </a:rPr>
              <a:t>Kushilevitz</a:t>
            </a:r>
            <a:r>
              <a:rPr lang="en-US" sz="1050" b="0">
                <a:ea typeface="+mj-lt"/>
                <a:cs typeface="+mj-lt"/>
              </a:rPr>
              <a:t>, R. Ostrovsky, and A. Sahai. “Zero-knowledge from secure multiparty computation”. STOC'07</a:t>
            </a:r>
            <a:r>
              <a:rPr lang="en-US" sz="1050">
                <a:cs typeface="Calibri"/>
              </a:rPr>
              <a:t>)</a:t>
            </a:r>
            <a:endParaRPr lang="en-US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35C78ED-F28D-E435-0039-8870F373D98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>
                <a:cs typeface="Calibri"/>
              </a:rPr>
              <a:t>Given OWF F: X -&gt; Y</a:t>
            </a:r>
          </a:p>
          <a:p>
            <a:endParaRPr lang="en-US">
              <a:cs typeface="Calibri"/>
            </a:endParaRPr>
          </a:p>
          <a:p>
            <a:r>
              <a:rPr lang="en-US">
                <a:cs typeface="Calibri"/>
              </a:rPr>
              <a:t>Create identification scheme IDS that proves knowledge of x such that </a:t>
            </a:r>
          </a:p>
          <a:p>
            <a:pPr algn="ctr"/>
            <a:r>
              <a:rPr lang="en-US">
                <a:cs typeface="Calibri"/>
              </a:rPr>
              <a:t>F(x) = y</a:t>
            </a:r>
          </a:p>
          <a:p>
            <a:r>
              <a:rPr lang="en-US">
                <a:cs typeface="Calibri"/>
              </a:rPr>
              <a:t>for given y in zero-knowledge.</a:t>
            </a:r>
          </a:p>
          <a:p>
            <a:r>
              <a:rPr lang="en-US" err="1">
                <a:cs typeface="Calibri"/>
              </a:rPr>
              <a:t>sk</a:t>
            </a:r>
            <a:r>
              <a:rPr lang="en-US">
                <a:cs typeface="Calibri"/>
              </a:rPr>
              <a:t> = x, pk = y</a:t>
            </a:r>
          </a:p>
          <a:p>
            <a:endParaRPr lang="en-US">
              <a:cs typeface="Calibri"/>
            </a:endParaRPr>
          </a:p>
          <a:p>
            <a:r>
              <a:rPr lang="en-US">
                <a:cs typeface="Calibri"/>
              </a:rPr>
              <a:t>Used for (at least) 9 of 40 new NIST signature proposals.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50F94F-055B-FAC2-4448-79B2651848B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12B0C5E-ECD0-4A37-8035-B7856804B36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0638429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F5B06E07-4E7F-7570-72F0-9BE22154C53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err="1">
                <a:cs typeface="Calibri"/>
              </a:rPr>
              <a:t>MPCitH</a:t>
            </a:r>
            <a:endParaRPr lang="en-US" err="1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335C78ED-F28D-E435-0039-8870F373D989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vert="horz" lIns="0" tIns="0" rIns="0" bIns="0" rtlCol="0" anchor="t">
            <a:noAutofit/>
          </a:bodyPr>
          <a:lstStyle/>
          <a:p>
            <a:r>
              <a:rPr lang="en-US" u="sng" err="1">
                <a:cs typeface="Calibri"/>
              </a:rPr>
              <a:t>KeyGen</a:t>
            </a:r>
            <a:r>
              <a:rPr lang="en-US" u="sng">
                <a:cs typeface="Calibri"/>
              </a:rPr>
              <a:t>:</a:t>
            </a:r>
            <a:r>
              <a:rPr lang="en-US">
                <a:cs typeface="Calibri"/>
              </a:rPr>
              <a:t> </a:t>
            </a:r>
          </a:p>
          <a:p>
            <a:r>
              <a:rPr lang="en-US">
                <a:cs typeface="Calibri"/>
              </a:rPr>
              <a:t>Sample x, set y = F(x)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C50F94F-055B-FAC2-4448-79B2651848B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SDitH in the QROM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12B0C5E-ECD0-4A37-8035-B7856804B36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C194BDB0-F4EA-4DD6-8281-CCE2440D0CE0}" type="slidenum">
              <a:rPr lang="en-GB" smtClean="0"/>
              <a:t>9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891741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heme/theme1.xml><?xml version="1.0" encoding="utf-8"?>
<a:theme xmlns:a="http://schemas.openxmlformats.org/drawingml/2006/main" name="Kantoorthema">
  <a:themeElements>
    <a:clrScheme name="TUe_PPT_V2">
      <a:dk1>
        <a:sysClr val="windowText" lastClr="000000"/>
      </a:dk1>
      <a:lt1>
        <a:sysClr val="window" lastClr="FFFFFF"/>
      </a:lt1>
      <a:dk2>
        <a:srgbClr val="C81919"/>
      </a:dk2>
      <a:lt2>
        <a:srgbClr val="101073"/>
      </a:lt2>
      <a:accent1>
        <a:srgbClr val="C81919"/>
      </a:accent1>
      <a:accent2>
        <a:srgbClr val="9E9EB1"/>
      </a:accent2>
      <a:accent3>
        <a:srgbClr val="0092B5"/>
      </a:accent3>
      <a:accent4>
        <a:srgbClr val="FF9A00"/>
      </a:accent4>
      <a:accent5>
        <a:srgbClr val="101073"/>
      </a:accent5>
      <a:accent6>
        <a:srgbClr val="CEDF00"/>
      </a:accent6>
      <a:hlink>
        <a:srgbClr val="0563C1"/>
      </a:hlink>
      <a:folHlink>
        <a:srgbClr val="954F72"/>
      </a:folHlink>
    </a:clrScheme>
    <a:fontScheme name="TUe_Calibri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Kantoorthema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TUe_16x9.potx" id="{9370F84E-7576-4FDA-B736-A09996DF8429}" vid="{ED81D3C9-A1FB-4E5B-AF38-E92F700A58FD}"/>
    </a:ext>
  </a:extLst>
</a:theme>
</file>

<file path=ppt/theme/theme2.xml><?xml version="1.0" encoding="utf-8"?>
<a:theme xmlns:a="http://schemas.openxmlformats.org/drawingml/2006/main" name="Kantoorthema">
  <a:themeElements>
    <a:clrScheme name="Kanto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antoor">
      <a:majorFont>
        <a:latin typeface="Calibri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Kanto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TemplafyTemplateConfiguration><![CDATA[{"elementsMetadata":[{"type":"shape","id":"72be6b83-866a-4314-945f-8f2e67b9a71b","elementConfiguration":{"binding":"{{UserProfile.Department}}","visibility":"","type":"text","disableUpdates":false}},{"type":"shape","id":"6643f6ba-07bc-49db-9071-d7e35a166099","elementConfiguration":{"binding":"{{UserProfile.DisplayName}}, {{UserProfile.JobTitle}}","visibility":"","type":"text","disableUpdates":false}},{"type":"shape","id":"9d335054-bf92-4ff1-b703-f2333605aaae","elementConfiguration":{"binding":"{{Form.Title}}","visibility":"","type":"text","disableUpdates":false}},{"type":"shape","id":"27ee6f32-a364-4cb4-934d-42017c53faea","elementConfiguration":{"binding":"{{Form.Subtitle}}","visibility":"","type":"text","disableUpdates":false}},{"type":"shape","id":"ee47e36b-9ec7-460d-abfb-1207ec23a99d","elementConfiguration":{"binding":"{{Form.Title}}","visibility":"","type":"text","disableUpdates":false}},{"type":"shape","id":"4bf81091-591e-439b-b814-097646086528","elementConfiguration":{"binding":"{{Form.Title}}","visibility":"","type":"text","disableUpdates":false}},{"type":"shape","id":"087cc451-207f-424c-9ffa-73f5fb68faea","elementConfiguration":{"binding":"{{Form.Title}}","visibility":"","type":"text","disableUpdates":false}},{"type":"shape","id":"ad92a63a-1531-45d4-8eae-051eeb27a523","elementConfiguration":{"binding":"{{Form.Title}}","visibility":"","type":"text","disableUpdates":false}},{"type":"shape","id":"a2981002-5bc4-4ff4-bd0d-5fd1508c956d","elementConfiguration":{"binding":"{{Form.Title}}","visibility":"","type":"text","disableUpdates":false}},{"type":"shape","id":"3c27066f-47f1-415f-a002-3b525f3aac1c","elementConfiguration":{"binding":"{{UserProfile.Department}}","visibility":"","type":"text","disableUpdates":false}},{"type":"shape","id":"3ee623d1-6c80-48e3-96b9-e3de5036e261","elementConfiguration":{"binding":"{{UserProfile.DisplayName}}, {{UserProfile.JobTitle}}","visibility":"","type":"text","disableUpdates":false}},{"type":"shape","id":"d172aecd-d995-480e-973f-3d12943d60af","elementConfiguration":{"binding":"{{Form.Title}}","visibility":"","type":"text","disableUpdates":false}},{"type":"shape","id":"5938a3a3-4f67-44be-b810-f3654b82f481","elementConfiguration":{"binding":"{{Form.Subtitle}}","visibility":"","type":"text","disableUpdates":false}},{"type":"shape","id":"6cd1690a-4a3b-4ffd-8673-4dc2cb99ddf3","elementConfiguration":{"binding":"{{Form.Title}}","visibility":"","type":"text","disableUpdates":false}},{"type":"shape","id":"71d7a35a-6a30-4055-845f-2e8710451683","elementConfiguration":{"binding":"{{Form.Title}}","visibility":"","type":"text","disableUpdates":false}},{"type":"shape","id":"acb1105c-986c-43e6-96bb-07ca3082e3d6","elementConfiguration":{"binding":"{{Form.Title}}","visibility":"","type":"text","disableUpdates":false}},{"type":"shape","id":"a06d10ac-a7ca-40ac-9c7e-ad6ba7adaf2d","elementConfiguration":{"binding":"{{Form.Title}}","visibility":"","type":"text","disableUpdates":false}},{"type":"shape","id":"e1bb7875-8237-4f9e-84a3-e7d4226b6cb3","elementConfiguration":{"binding":"{{Form.Subtitle}}","visibility":"","type":"text","disableUpdates":false}},{"type":"shape","id":"0669799f-8ba6-4193-9bdc-aded08abfd28","elementConfiguration":{"binding":"{{UserProfile.DisplayName}}, {{UserProfile.JobTitle}}","visibility":"","type":"text","disableUpdates":false}},{"type":"shape","id":"04d308ae-2e00-4417-b7ec-94603d35da4e","elementConfiguration":{"binding":"{{UserProfile.Department}}","visibility":"","type":"text","disableUpdates":false}},{"type":"shape","id":"d5f7834f-89f6-41d4-9d24-12d313b91e70","elementConfiguration":{"binding":"{{Form.Title}}","visibility":"","type":"text","disableUpdates":false}},{"type":"shape","id":"49ecade6-6702-44fb-b513-4e9f7b62ed41","elementConfiguration":{"binding":"{{Form.Title}}","visibility":"","type":"text","disableUpdates":false}},{"type":"shape","id":"5592eabc-69ae-42b9-980d-97b3377747fc","elementConfiguration":{"binding":"{{Form.Title}}","visibility":"","type":"text","disableUpdates":false}},{"type":"shape","id":"7c230117-9df0-4d21-bb08-d0bd7ec36bca","elementConfiguration":{"binding":"{{Form.Title}}","visibility":"","type":"text","disableUpdates":false}},{"type":"shape","id":"f0a89e09-eee9-4a13-9318-e48a00e6104a","elementConfiguration":{"binding":"{{Form.Title}}","visibility":"","type":"text","disableUpdates":false}},{"type":"shape","id":"3e7fd697-bc1a-4fbb-bc2c-1afd10e4c1ae","elementConfiguration":{"binding":"{{Form.Title}}","visibility":"","type":"text","disableUpdates":false}},{"type":"shape","id":"f663b838-be73-45bf-a5e7-cfed5e915c1b","elementConfiguration":{"binding":"{{Form.Title}}","visibility":"","type":"text","disableUpdates":false}},{"type":"shape","id":"33ab5e96-67be-4ce9-92f0-f2a59adcf997","elementConfiguration":{"binding":"{{Form.Title}}","visibility":"","type":"text","disableUpdates":false}},{"type":"shape","id":"03a642e3-d69a-4476-a27d-3e56c78e1bb2","elementConfiguration":{"binding":"{{Form.Title}}","visibility":"","type":"text","disableUpdates":false}},{"type":"shape","id":"1500658b-b577-41f0-bd25-9771b8d0c857","elementConfiguration":{"binding":"{{Form.Title}}","visibility":"","type":"text","disableUpdates":false}}],"transformationConfigurations":[{"documentName":"TUe presentation {{StringJoin(\" \", Form.Title, Form.Subtitle)}}","type":"documentName"}],"templateName":"TUe 16x9 ppt without instructions","templateDescription":"","enableDocumentContentUpdater":true,"version":"2.0"}]]></TemplafyTemplateConfiguration>
</file>

<file path=customXml/item2.xml><?xml version="1.0" encoding="utf-8"?>
<TemplafyFormConfiguration><![CDATA[{"formFields":[{"required":false,"placeholder":"","lines":1,"shareValue":false,"type":"textBox","name":"Title","label":"Title"},{"required":false,"placeholder":"Write a subtitle or a date here","lines":1,"shareValue":false,"type":"textBox","name":"Subtitle","label":"Subtitle"}],"formDataEntries":[{"name":"Title","value":"FCe4Lbl68yDhvTOEhSEk5kolgNq7w2SlEO8ksHbiMUk="}]}]]></TemplafyFormConfiguration>
</file>

<file path=customXml/item3.xml><?xml version="1.0" encoding="utf-8"?>
<TemplafySlideFormConfiguration><![CDATA[{"formFields":[{"required":false,"placeholder":"","lines":1,"shareValue":false,"type":"textBox","name":"Title","label":"Title"},{"required":false,"placeholder":"Write a subtitle or a date here","lines":1,"shareValue":false,"type":"textBox","name":"Subtitle","label":"Subtitle"}],"formDataEntries":[]}]]></TemplafySlideFormConfiguration>
</file>

<file path=customXml/item4.xml><?xml version="1.0" encoding="utf-8"?>
<TemplafySlideTemplateConfiguration><![CDATA[{"slideVersion":1,"isValidatorEnabled":false,"isLocked":false,"elementsMetadata":[{"type":"shape","elementConfiguration":{"binding":"{{UserProfile.Department}}","visibility":"","type":"text","disableUpdates":false}},{"type":"shape","elementConfiguration":{"binding":"{{UserProfile.DisplayName}}, {{UserProfile.JobTitle}}","visibility":"","type":"text","disableUpdates":false}},{"type":"shape","elementConfiguration":{"binding":"{{Form.Title}}","visibility":"","type":"text","disableUpdates":false}},{"type":"shape","elementConfiguration":{"binding":"{{Form.Subtitle}}","visibility":"","type":"text","disableUpdates":false}}],"slideId":"638158504370277530","enableDocumentContentUpdater":false,"version":"2.0"}]]></TemplafySlideTemplateConfiguration>
</file>

<file path=customXml/item5.xml><?xml version="1.0" encoding="utf-8"?>
<TemplafySlideFormConfiguration><![CDATA[{"formFields":[{"required":false,"placeholder":"","lines":1,"shareValue":false,"type":"textBox","name":"Title","label":"Title"}],"formDataEntries":[]}]]></TemplafySlideFormConfiguration>
</file>

<file path=customXml/item6.xml><?xml version="1.0" encoding="utf-8"?>
<TemplafySlideTemplateConfiguration><![CDATA[{"slideVersion":1,"isValidatorEnabled":false,"isLocked":false,"elementsMetadata":[{"type":"shape","elementConfiguration":{"binding":"{{Form.Title}}","visibility":"","type":"text","disableUpdates":false}}],"slideId":"63815850437032332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C1A9C582-A97E-4320-86BE-9BEBFDD01E86}">
  <ds:schemaRefs/>
</ds:datastoreItem>
</file>

<file path=customXml/itemProps2.xml><?xml version="1.0" encoding="utf-8"?>
<ds:datastoreItem xmlns:ds="http://schemas.openxmlformats.org/officeDocument/2006/customXml" ds:itemID="{098B19AC-B04D-4BAA-BAB0-9E8F40B1C8F5}">
  <ds:schemaRefs/>
</ds:datastoreItem>
</file>

<file path=customXml/itemProps3.xml><?xml version="1.0" encoding="utf-8"?>
<ds:datastoreItem xmlns:ds="http://schemas.openxmlformats.org/officeDocument/2006/customXml" ds:itemID="{A95C8A1A-AF4E-41BA-BEE0-E3325945FB80}">
  <ds:schemaRefs/>
</ds:datastoreItem>
</file>

<file path=customXml/itemProps4.xml><?xml version="1.0" encoding="utf-8"?>
<ds:datastoreItem xmlns:ds="http://schemas.openxmlformats.org/officeDocument/2006/customXml" ds:itemID="{4B751E09-5DE5-460F-8189-3442EAA0C373}">
  <ds:schemaRefs/>
</ds:datastoreItem>
</file>

<file path=customXml/itemProps5.xml><?xml version="1.0" encoding="utf-8"?>
<ds:datastoreItem xmlns:ds="http://schemas.openxmlformats.org/officeDocument/2006/customXml" ds:itemID="{EB163266-B4DF-4401-A54B-A0CC42918488}">
  <ds:schemaRefs/>
</ds:datastoreItem>
</file>

<file path=customXml/itemProps6.xml><?xml version="1.0" encoding="utf-8"?>
<ds:datastoreItem xmlns:ds="http://schemas.openxmlformats.org/officeDocument/2006/customXml" ds:itemID="{A76B4F92-C148-45E3-8B89-3331170D0FCC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Ue_16x9 (2)</Template>
  <Application>Microsoft Office PowerPoint</Application>
  <PresentationFormat>On-screen Show (16:9)</PresentationFormat>
  <Slides>40</Slides>
  <Notes>2</Notes>
  <HiddenSlides>0</HiddenSlides>
  <ScaleCrop>false</ScaleCrop>
  <HeadingPairs>
    <vt:vector size="4" baseType="variant">
      <vt:variant>
        <vt:lpstr>Theme</vt:lpstr>
      </vt:variant>
      <vt:variant>
        <vt:i4>1</vt:i4>
      </vt:variant>
      <vt:variant>
        <vt:lpstr>Slide Titles</vt:lpstr>
      </vt:variant>
      <vt:variant>
        <vt:i4>40</vt:i4>
      </vt:variant>
    </vt:vector>
  </HeadingPairs>
  <TitlesOfParts>
    <vt:vector size="41" baseType="lpstr">
      <vt:lpstr>Kantoorthema</vt:lpstr>
      <vt:lpstr>PowerPoint Presentation</vt:lpstr>
      <vt:lpstr>Joint work with </vt:lpstr>
      <vt:lpstr>Syndrome Decoding in the Head (FJR22)</vt:lpstr>
      <vt:lpstr>Identification schemes (3-round, public coin)</vt:lpstr>
      <vt:lpstr>Identification schemes (5-round, public coin)</vt:lpstr>
      <vt:lpstr>Security Properties</vt:lpstr>
      <vt:lpstr>Identification schemes (3-round, public coin)</vt:lpstr>
      <vt:lpstr>MPCitH for PQ-identification (Y. Ishai, E. Kushilevitz, R. Ostrovsky, and A. Sahai. “Zero-knowledge from secure multiparty computation”. STOC'07)</vt:lpstr>
      <vt:lpstr>MPCitH</vt:lpstr>
      <vt:lpstr>MPCitH</vt:lpstr>
      <vt:lpstr>MPCitH</vt:lpstr>
      <vt:lpstr>MPCitH</vt:lpstr>
      <vt:lpstr>MPCitH Security</vt:lpstr>
      <vt:lpstr>SDitH (FJR'22)</vt:lpstr>
      <vt:lpstr>SDitH (FJR'22)</vt:lpstr>
      <vt:lpstr>SDitH (FJR'22)</vt:lpstr>
      <vt:lpstr>SDitH – Weight check</vt:lpstr>
      <vt:lpstr>SDitH Identification scheme (5-round, public coin)</vt:lpstr>
      <vt:lpstr>Tweaks</vt:lpstr>
      <vt:lpstr>Signature Scheme</vt:lpstr>
      <vt:lpstr>How to prove security?</vt:lpstr>
      <vt:lpstr>How to prove security?</vt:lpstr>
      <vt:lpstr>PowerPoint Presentation</vt:lpstr>
      <vt:lpstr>PowerPoint Presentation</vt:lpstr>
      <vt:lpstr>Observation</vt:lpstr>
      <vt:lpstr>Proof strategy</vt:lpstr>
      <vt:lpstr>Computational version of special soundness</vt:lpstr>
      <vt:lpstr>Proven bound</vt:lpstr>
      <vt:lpstr>Proven bound</vt:lpstr>
      <vt:lpstr>QROM+ - Phase 1</vt:lpstr>
      <vt:lpstr>QROM+ - Phase 2</vt:lpstr>
      <vt:lpstr>Why do we need a QROM+?</vt:lpstr>
      <vt:lpstr>Why is this unproblematic?</vt:lpstr>
      <vt:lpstr>UF-NMA</vt:lpstr>
      <vt:lpstr>UF-CMA</vt:lpstr>
      <vt:lpstr>UF-CMA</vt:lpstr>
      <vt:lpstr>Results</vt:lpstr>
      <vt:lpstr>Conclusion</vt:lpstr>
      <vt:lpstr>Backup</vt:lpstr>
      <vt:lpstr>PoW (increase cost of RO query)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cp:revision>2</cp:revision>
  <dcterms:created xsi:type="dcterms:W3CDTF">2023-11-24T09:46:20Z</dcterms:created>
  <dcterms:modified xsi:type="dcterms:W3CDTF">2023-12-01T08:23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7-20T09:47:45</vt:lpwstr>
  </property>
  <property fmtid="{D5CDD505-2E9C-101B-9397-08002B2CF9AE}" pid="3" name="TemplafyTenantId">
    <vt:lpwstr>tue</vt:lpwstr>
  </property>
  <property fmtid="{D5CDD505-2E9C-101B-9397-08002B2CF9AE}" pid="4" name="TemplafyTemplateId">
    <vt:lpwstr>638158504362329595</vt:lpwstr>
  </property>
  <property fmtid="{D5CDD505-2E9C-101B-9397-08002B2CF9AE}" pid="5" name="TemplafyUserProfileId">
    <vt:lpwstr>638215628509064553</vt:lpwstr>
  </property>
  <property fmtid="{D5CDD505-2E9C-101B-9397-08002B2CF9AE}" pid="6" name="TemplafyLanguageCode">
    <vt:lpwstr>en-US</vt:lpwstr>
  </property>
  <property fmtid="{D5CDD505-2E9C-101B-9397-08002B2CF9AE}" pid="7" name="TemplafyFromBlank">
    <vt:bool>false</vt:bool>
  </property>
</Properties>
</file>